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5　基幹統計\01国勢調査\R2国勢調査\９０結果公表\3 富山市独自集計\国勢調査利用申請\7.  成果完了報告\成果物\富山市HP掲載\"/>
    </mc:Choice>
  </mc:AlternateContent>
  <bookViews>
    <workbookView xWindow="0" yWindow="0" windowWidth="19200" windowHeight="11070"/>
  </bookViews>
  <sheets>
    <sheet name="2－1（地区別）" sheetId="18" r:id="rId1"/>
    <sheet name="2－1（地域別）" sheetId="19" r:id="rId2"/>
  </sheets>
  <definedNames>
    <definedName name="_xlnm._FilterDatabase" localSheetId="1" hidden="1">'2－1（地域別）'!$A$7:$P$29</definedName>
    <definedName name="_xlnm._FilterDatabase" localSheetId="0" hidden="1">'2－1（地区別）'!$A$5:$N$253</definedName>
    <definedName name="A" localSheetId="1">#REF!</definedName>
    <definedName name="A" localSheetId="0">#REF!</definedName>
    <definedName name="A">#REF!</definedName>
    <definedName name="BC">#REF!</definedName>
    <definedName name="d">#REF!</definedName>
    <definedName name="_xlnm.Print_Area" localSheetId="1">'2－1（地域別）'!$A$1:$M$32</definedName>
    <definedName name="_xlnm.Print_Area" localSheetId="0">'2－1（地区別）'!$A$1:$N$255</definedName>
    <definedName name="_xlnm.Print_Titles" localSheetId="1">'2－1（地域別）'!$1:$7</definedName>
    <definedName name="_xlnm.Print_Titles" localSheetId="0">'2－1（地区別）'!$1:$7</definedName>
  </definedNames>
  <calcPr calcId="152511"/>
</workbook>
</file>

<file path=xl/sharedStrings.xml><?xml version="1.0" encoding="utf-8"?>
<sst xmlns="http://schemas.openxmlformats.org/spreadsheetml/2006/main" count="902" uniqueCount="119">
  <si>
    <t>01 富山</t>
  </si>
  <si>
    <t>0005 五番町</t>
  </si>
  <si>
    <t>0008 星井町</t>
  </si>
  <si>
    <t>0010 堀川</t>
  </si>
  <si>
    <t>0009 西田地方</t>
  </si>
  <si>
    <t>0049 光陽</t>
  </si>
  <si>
    <t>0006 柳町</t>
  </si>
  <si>
    <t>0025 新庄</t>
  </si>
  <si>
    <t>0007 清水町</t>
  </si>
  <si>
    <t>0012 東部</t>
  </si>
  <si>
    <t>0027 山室</t>
  </si>
  <si>
    <t>0011 堀川南</t>
  </si>
  <si>
    <t>0017 神明</t>
  </si>
  <si>
    <t>0016 五福</t>
  </si>
  <si>
    <t>0015 桜谷</t>
  </si>
  <si>
    <t>0013 奥田</t>
  </si>
  <si>
    <t>0014 奥田北</t>
  </si>
  <si>
    <t>0023 豊田</t>
  </si>
  <si>
    <t>0019 萩浦</t>
  </si>
  <si>
    <t>0024 広田</t>
  </si>
  <si>
    <t>0050 新庄北</t>
  </si>
  <si>
    <t>0026 藤ノ木</t>
  </si>
  <si>
    <t>0028 山室中部</t>
  </si>
  <si>
    <t>0029 太田</t>
  </si>
  <si>
    <t>0033 月岡</t>
  </si>
  <si>
    <t>0032 熊野</t>
  </si>
  <si>
    <t>0030 蜷川</t>
  </si>
  <si>
    <t>0031 新保</t>
  </si>
  <si>
    <t>0043 池多</t>
  </si>
  <si>
    <t>0041 古沢</t>
  </si>
  <si>
    <t>0042 老田</t>
  </si>
  <si>
    <t>0040 寒江</t>
  </si>
  <si>
    <t>0038 呉羽</t>
  </si>
  <si>
    <t>0039 長岡</t>
  </si>
  <si>
    <t>0035 八幡</t>
  </si>
  <si>
    <t>0037 倉垣</t>
  </si>
  <si>
    <t>0036 草島</t>
  </si>
  <si>
    <t>0034 四方</t>
  </si>
  <si>
    <t>0018 岩瀬</t>
  </si>
  <si>
    <t>0020 大広田</t>
  </si>
  <si>
    <t>0022 針原</t>
  </si>
  <si>
    <t>0021 浜黒崎</t>
  </si>
  <si>
    <t>0045 水橋西部</t>
  </si>
  <si>
    <t>0044 水橋中部</t>
  </si>
  <si>
    <t>0046 水橋東部</t>
  </si>
  <si>
    <t>0048 上条</t>
  </si>
  <si>
    <t>0047 三郷</t>
  </si>
  <si>
    <t>0104 大沢野</t>
  </si>
  <si>
    <t>02 大沢野</t>
  </si>
  <si>
    <t>0102 小羽</t>
  </si>
  <si>
    <t>0105 大久保</t>
  </si>
  <si>
    <t>0101 下タ</t>
  </si>
  <si>
    <t>0201 上滝</t>
  </si>
  <si>
    <t>03 大山</t>
  </si>
  <si>
    <t>0203 大庄</t>
  </si>
  <si>
    <t>0204 福沢</t>
  </si>
  <si>
    <t>0202 大山</t>
  </si>
  <si>
    <t>0302 保内</t>
  </si>
  <si>
    <t>04 八尾</t>
  </si>
  <si>
    <t>0301 八尾</t>
  </si>
  <si>
    <t>0303 杉原</t>
  </si>
  <si>
    <t>0306 黒瀬谷</t>
  </si>
  <si>
    <t>0304 卯花</t>
  </si>
  <si>
    <t>0305 室牧</t>
  </si>
  <si>
    <t>0307 野積</t>
  </si>
  <si>
    <t>0308 仁歩</t>
  </si>
  <si>
    <t>0309 大長谷</t>
  </si>
  <si>
    <t>0401 速星</t>
  </si>
  <si>
    <t>05 婦中</t>
  </si>
  <si>
    <t>0405 婦中熊野</t>
  </si>
  <si>
    <t>0404 宮川</t>
  </si>
  <si>
    <t>0408 神保</t>
  </si>
  <si>
    <t>0407 音川</t>
  </si>
  <si>
    <t>0406 古里</t>
  </si>
  <si>
    <t>0403 朝日</t>
  </si>
  <si>
    <t>0402 鵜坂</t>
  </si>
  <si>
    <t>0503 山田西部</t>
  </si>
  <si>
    <t>06 山田</t>
  </si>
  <si>
    <t>0502 山田中部</t>
  </si>
  <si>
    <t>0504 山田東部</t>
  </si>
  <si>
    <t>0501 山田南部</t>
  </si>
  <si>
    <t>0601 細入北部</t>
  </si>
  <si>
    <t>07 細入</t>
  </si>
  <si>
    <t>0602 細入南部</t>
  </si>
  <si>
    <t>地域</t>
    <rPh sb="0" eb="2">
      <t>チイキ</t>
    </rPh>
    <phoneticPr fontId="2"/>
  </si>
  <si>
    <t>人</t>
    <rPh sb="0" eb="1">
      <t>ニン</t>
    </rPh>
    <phoneticPr fontId="2"/>
  </si>
  <si>
    <t>分類</t>
    <rPh sb="0" eb="2">
      <t>ブンルイ</t>
    </rPh>
    <phoneticPr fontId="2"/>
  </si>
  <si>
    <t>地区名</t>
    <rPh sb="0" eb="2">
      <t>チク</t>
    </rPh>
    <rPh sb="2" eb="3">
      <t>メイ</t>
    </rPh>
    <phoneticPr fontId="2"/>
  </si>
  <si>
    <t>0001 総曲輪</t>
  </si>
  <si>
    <t>0004 八人町</t>
  </si>
  <si>
    <t>0103 船峅</t>
    <rPh sb="5" eb="6">
      <t>フネ</t>
    </rPh>
    <phoneticPr fontId="1"/>
  </si>
  <si>
    <t>実　　数</t>
    <rPh sb="0" eb="1">
      <t>ジツ</t>
    </rPh>
    <rPh sb="3" eb="4">
      <t>スウ</t>
    </rPh>
    <phoneticPr fontId="2"/>
  </si>
  <si>
    <t>割　　合　１）</t>
    <rPh sb="0" eb="1">
      <t>ワリ</t>
    </rPh>
    <rPh sb="3" eb="4">
      <t>ゴウ</t>
    </rPh>
    <phoneticPr fontId="2"/>
  </si>
  <si>
    <t>年少人口
0～14歳</t>
    <rPh sb="0" eb="2">
      <t>ネンショウ</t>
    </rPh>
    <rPh sb="2" eb="4">
      <t>ジンコウ</t>
    </rPh>
    <phoneticPr fontId="2"/>
  </si>
  <si>
    <t>老年人口
65歳以上</t>
    <rPh sb="0" eb="2">
      <t>ロウネン</t>
    </rPh>
    <rPh sb="2" eb="4">
      <t>ジンコウ</t>
    </rPh>
    <phoneticPr fontId="2"/>
  </si>
  <si>
    <t>年齢不詳</t>
    <rPh sb="0" eb="2">
      <t>ネンレイ</t>
    </rPh>
    <rPh sb="2" eb="4">
      <t>フショウ</t>
    </rPh>
    <phoneticPr fontId="2"/>
  </si>
  <si>
    <t>老年人口
65歳以上
(高齢化率)</t>
    <rPh sb="0" eb="2">
      <t>ロウネン</t>
    </rPh>
    <rPh sb="2" eb="4">
      <t>ジンコウ</t>
    </rPh>
    <phoneticPr fontId="2"/>
  </si>
  <si>
    <t>％</t>
  </si>
  <si>
    <t>うち75歳以上</t>
    <phoneticPr fontId="2"/>
  </si>
  <si>
    <t>うち75歳以上</t>
    <phoneticPr fontId="2"/>
  </si>
  <si>
    <t>総数</t>
    <rPh sb="0" eb="2">
      <t>ソウスウ</t>
    </rPh>
    <phoneticPr fontId="24"/>
  </si>
  <si>
    <t>男</t>
    <rPh sb="0" eb="1">
      <t>オトコ</t>
    </rPh>
    <phoneticPr fontId="24"/>
  </si>
  <si>
    <t>女</t>
    <rPh sb="0" eb="1">
      <t>オンナ</t>
    </rPh>
    <phoneticPr fontId="24"/>
  </si>
  <si>
    <t>0002 愛宕</t>
    <rPh sb="5" eb="7">
      <t>アタゴ</t>
    </rPh>
    <phoneticPr fontId="24"/>
  </si>
  <si>
    <t>0003 安野屋</t>
    <rPh sb="5" eb="8">
      <t>ヤスノヤ</t>
    </rPh>
    <phoneticPr fontId="24"/>
  </si>
  <si>
    <t>0004 八人町</t>
    <rPh sb="5" eb="8">
      <t>ハチニンマチ</t>
    </rPh>
    <phoneticPr fontId="24"/>
  </si>
  <si>
    <t>うち75歳以上</t>
    <phoneticPr fontId="2"/>
  </si>
  <si>
    <t>総  計</t>
    <rPh sb="0" eb="1">
      <t>ソウ</t>
    </rPh>
    <rPh sb="3" eb="4">
      <t>ケイ</t>
    </rPh>
    <phoneticPr fontId="24"/>
  </si>
  <si>
    <t>×</t>
  </si>
  <si>
    <t>×</t>
    <phoneticPr fontId="1"/>
  </si>
  <si>
    <t>×</t>
    <phoneticPr fontId="1"/>
  </si>
  <si>
    <r>
      <rPr>
        <sz val="7.5"/>
        <color theme="1"/>
        <rFont val="游ゴシック"/>
        <family val="3"/>
        <charset val="128"/>
      </rPr>
      <t>生産年齢人口</t>
    </r>
    <r>
      <rPr>
        <sz val="8"/>
        <color theme="1"/>
        <rFont val="游ゴシック"/>
        <family val="3"/>
        <charset val="128"/>
      </rPr>
      <t xml:space="preserve">
15～64歳</t>
    </r>
    <rPh sb="0" eb="2">
      <t>セイサン</t>
    </rPh>
    <rPh sb="2" eb="4">
      <t>ネンレイ</t>
    </rPh>
    <rPh sb="4" eb="6">
      <t>ジンコウ</t>
    </rPh>
    <phoneticPr fontId="2"/>
  </si>
  <si>
    <t>１）割合は、年齢不詳を除いて算出</t>
    <phoneticPr fontId="1"/>
  </si>
  <si>
    <r>
      <rPr>
        <sz val="7.5"/>
        <color indexed="8"/>
        <rFont val="游ゴシック"/>
        <family val="3"/>
        <charset val="128"/>
      </rPr>
      <t>生産年齢人口</t>
    </r>
    <r>
      <rPr>
        <sz val="8"/>
        <color indexed="8"/>
        <rFont val="游ゴシック"/>
        <family val="3"/>
        <charset val="128"/>
      </rPr>
      <t xml:space="preserve">
15～64歳</t>
    </r>
    <rPh sb="0" eb="2">
      <t>セイサン</t>
    </rPh>
    <rPh sb="2" eb="4">
      <t>ネンレイ</t>
    </rPh>
    <rPh sb="4" eb="6">
      <t>ジンコウ</t>
    </rPh>
    <phoneticPr fontId="2"/>
  </si>
  <si>
    <t>注：総務省統計局所管の「国勢調査」の調査票情報を利用して、富山市で独自に集計を行ったものである。</t>
    <rPh sb="0" eb="1">
      <t>チュウ</t>
    </rPh>
    <rPh sb="29" eb="32">
      <t>トヤマシ</t>
    </rPh>
    <phoneticPr fontId="2"/>
  </si>
  <si>
    <t xml:space="preserve">   ：国勢調査の基本単位区に基づいて集計しており、一部、実際の地区の区切りと異なる場合がある。</t>
    <rPh sb="4" eb="8">
      <t>コクセイチョウサ</t>
    </rPh>
    <rPh sb="9" eb="11">
      <t>キホン</t>
    </rPh>
    <rPh sb="11" eb="14">
      <t>タンイク</t>
    </rPh>
    <rPh sb="15" eb="16">
      <t>モト</t>
    </rPh>
    <rPh sb="19" eb="21">
      <t>シュウケイ</t>
    </rPh>
    <rPh sb="26" eb="28">
      <t>イチブ</t>
    </rPh>
    <rPh sb="29" eb="31">
      <t>ジッサイ</t>
    </rPh>
    <rPh sb="32" eb="34">
      <t>チク</t>
    </rPh>
    <rPh sb="35" eb="37">
      <t>クギ</t>
    </rPh>
    <rPh sb="39" eb="40">
      <t>コト</t>
    </rPh>
    <rPh sb="42" eb="44">
      <t>バアイ</t>
    </rPh>
    <phoneticPr fontId="2"/>
  </si>
  <si>
    <t>第2－1表　年齢（3区分）・男女別人口及び割合－地区別</t>
    <rPh sb="0" eb="1">
      <t>ダイ</t>
    </rPh>
    <rPh sb="4" eb="5">
      <t>ヒョウ</t>
    </rPh>
    <rPh sb="10" eb="12">
      <t>クブン</t>
    </rPh>
    <rPh sb="14" eb="16">
      <t>ダンジョ</t>
    </rPh>
    <rPh sb="19" eb="20">
      <t>オヨ</t>
    </rPh>
    <rPh sb="21" eb="23">
      <t>ワリアイ</t>
    </rPh>
    <rPh sb="24" eb="26">
      <t>チク</t>
    </rPh>
    <rPh sb="26" eb="27">
      <t>ベツ</t>
    </rPh>
    <phoneticPr fontId="2"/>
  </si>
  <si>
    <t>第2－1表　年齢（3区分）・男女別人口及び割合－地域別</t>
    <rPh sb="0" eb="1">
      <t>ダイ</t>
    </rPh>
    <rPh sb="4" eb="5">
      <t>ヒョウ</t>
    </rPh>
    <rPh sb="10" eb="12">
      <t>クブン</t>
    </rPh>
    <rPh sb="14" eb="16">
      <t>ダンジョ</t>
    </rPh>
    <rPh sb="19" eb="20">
      <t>オヨ</t>
    </rPh>
    <rPh sb="21" eb="23">
      <t>ワリアイ</t>
    </rPh>
    <rPh sb="24" eb="26">
      <t>チイキ</t>
    </rPh>
    <rPh sb="26" eb="27">
      <t>ベツ</t>
    </rPh>
    <phoneticPr fontId="2"/>
  </si>
  <si>
    <t>総数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;&quot;△ &quot;#,##0"/>
    <numFmt numFmtId="177" formatCode="#,##0.0;&quot;△ &quot;#,##0.0"/>
    <numFmt numFmtId="178" formatCode="0.000%"/>
    <numFmt numFmtId="179" formatCode="#,##0_ "/>
    <numFmt numFmtId="180" formatCode="#,##0_);[Red]\(#,##0\)"/>
  </numFmts>
  <fonts count="34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u/>
      <sz val="11"/>
      <color indexed="12"/>
      <name val="ＭＳ Ｐゴシック"/>
      <family val="3"/>
      <charset val="128"/>
    </font>
    <font>
      <sz val="11"/>
      <color theme="1"/>
      <name val="游ゴシック"/>
      <family val="3"/>
      <charset val="128"/>
    </font>
    <font>
      <sz val="10"/>
      <color theme="1"/>
      <name val="游ゴシック"/>
      <family val="3"/>
      <charset val="128"/>
    </font>
    <font>
      <sz val="8"/>
      <color theme="1"/>
      <name val="游ゴシック"/>
      <family val="3"/>
      <charset val="128"/>
    </font>
    <font>
      <sz val="7.5"/>
      <color theme="1"/>
      <name val="游ゴシック"/>
      <family val="3"/>
      <charset val="128"/>
    </font>
    <font>
      <sz val="9"/>
      <color theme="1"/>
      <name val="游ゴシック"/>
      <family val="3"/>
      <charset val="128"/>
    </font>
    <font>
      <sz val="8"/>
      <color indexed="8"/>
      <name val="游ゴシック"/>
      <family val="3"/>
      <charset val="128"/>
    </font>
    <font>
      <sz val="7.5"/>
      <color indexed="8"/>
      <name val="游ゴシック"/>
      <family val="3"/>
      <charset val="128"/>
    </font>
    <font>
      <b/>
      <sz val="12"/>
      <color theme="1"/>
      <name val="游ゴシック"/>
      <family val="3"/>
      <charset val="128"/>
    </font>
    <font>
      <sz val="10"/>
      <name val="游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/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hair">
        <color indexed="64"/>
      </bottom>
      <diagonal/>
    </border>
  </borders>
  <cellStyleXfs count="45">
    <xf numFmtId="0" fontId="0" fillId="0" borderId="0">
      <alignment vertical="center"/>
    </xf>
    <xf numFmtId="0" fontId="3" fillId="0" borderId="0">
      <alignment vertical="center"/>
    </xf>
    <xf numFmtId="0" fontId="4" fillId="0" borderId="0">
      <alignment vertical="center"/>
    </xf>
    <xf numFmtId="0" fontId="4" fillId="10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22" borderId="0" applyNumberFormat="0" applyBorder="0" applyAlignment="0" applyProtection="0">
      <alignment vertical="center"/>
    </xf>
    <xf numFmtId="0" fontId="4" fillId="26" borderId="0" applyNumberFormat="0" applyBorder="0" applyAlignment="0" applyProtection="0">
      <alignment vertical="center"/>
    </xf>
    <xf numFmtId="0" fontId="4" fillId="30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4" fillId="27" borderId="0" applyNumberFormat="0" applyBorder="0" applyAlignment="0" applyProtection="0">
      <alignment vertical="center"/>
    </xf>
    <xf numFmtId="0" fontId="4" fillId="3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6" borderId="0" applyNumberFormat="0" applyBorder="0" applyAlignment="0" applyProtection="0">
      <alignment vertical="center"/>
    </xf>
    <xf numFmtId="0" fontId="6" fillId="20" borderId="0" applyNumberFormat="0" applyBorder="0" applyAlignment="0" applyProtection="0">
      <alignment vertical="center"/>
    </xf>
    <xf numFmtId="0" fontId="6" fillId="24" borderId="0" applyNumberFormat="0" applyBorder="0" applyAlignment="0" applyProtection="0">
      <alignment vertical="center"/>
    </xf>
    <xf numFmtId="0" fontId="6" fillId="28" borderId="0" applyNumberFormat="0" applyBorder="0" applyAlignment="0" applyProtection="0">
      <alignment vertical="center"/>
    </xf>
    <xf numFmtId="0" fontId="6" fillId="32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6" fillId="17" borderId="0" applyNumberFormat="0" applyBorder="0" applyAlignment="0" applyProtection="0">
      <alignment vertical="center"/>
    </xf>
    <xf numFmtId="0" fontId="6" fillId="21" borderId="0" applyNumberFormat="0" applyBorder="0" applyAlignment="0" applyProtection="0">
      <alignment vertical="center"/>
    </xf>
    <xf numFmtId="0" fontId="6" fillId="25" borderId="0" applyNumberFormat="0" applyBorder="0" applyAlignment="0" applyProtection="0">
      <alignment vertical="center"/>
    </xf>
    <xf numFmtId="0" fontId="6" fillId="29" borderId="0" applyNumberFormat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center"/>
    </xf>
    <xf numFmtId="0" fontId="8" fillId="7" borderId="7" applyNumberFormat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10" fillId="8" borderId="8" applyNumberFormat="0" applyFont="0" applyAlignment="0" applyProtection="0">
      <alignment vertical="center"/>
    </xf>
    <xf numFmtId="0" fontId="11" fillId="0" borderId="6" applyNumberFormat="0" applyFill="0" applyAlignment="0" applyProtection="0">
      <alignment vertical="center"/>
    </xf>
    <xf numFmtId="0" fontId="12" fillId="3" borderId="0" applyNumberFormat="0" applyBorder="0" applyAlignment="0" applyProtection="0">
      <alignment vertical="center"/>
    </xf>
    <xf numFmtId="0" fontId="13" fillId="6" borderId="4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1" applyNumberFormat="0" applyFill="0" applyAlignment="0" applyProtection="0">
      <alignment vertical="center"/>
    </xf>
    <xf numFmtId="0" fontId="16" fillId="0" borderId="2" applyNumberFormat="0" applyFill="0" applyAlignment="0" applyProtection="0">
      <alignment vertical="center"/>
    </xf>
    <xf numFmtId="0" fontId="17" fillId="0" borderId="3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5" fillId="0" borderId="9" applyNumberFormat="0" applyFill="0" applyAlignment="0" applyProtection="0">
      <alignment vertical="center"/>
    </xf>
    <xf numFmtId="0" fontId="18" fillId="6" borderId="5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5" borderId="4" applyNumberFormat="0" applyAlignment="0" applyProtection="0">
      <alignment vertical="center"/>
    </xf>
    <xf numFmtId="0" fontId="21" fillId="2" borderId="0" applyNumberFormat="0" applyBorder="0" applyAlignment="0" applyProtection="0">
      <alignment vertical="center"/>
    </xf>
    <xf numFmtId="0" fontId="22" fillId="0" borderId="0">
      <alignment vertical="center"/>
    </xf>
  </cellStyleXfs>
  <cellXfs count="123">
    <xf numFmtId="0" fontId="0" fillId="0" borderId="0" xfId="0">
      <alignment vertical="center"/>
    </xf>
    <xf numFmtId="0" fontId="4" fillId="0" borderId="0" xfId="2">
      <alignment vertical="center"/>
    </xf>
    <xf numFmtId="0" fontId="5" fillId="0" borderId="0" xfId="2" applyFont="1" applyAlignment="1">
      <alignment vertical="center"/>
    </xf>
    <xf numFmtId="0" fontId="4" fillId="0" borderId="0" xfId="2" applyFont="1" applyFill="1">
      <alignment vertical="center"/>
    </xf>
    <xf numFmtId="0" fontId="4" fillId="0" borderId="0" xfId="2" applyFont="1">
      <alignment vertical="center"/>
    </xf>
    <xf numFmtId="0" fontId="23" fillId="0" borderId="0" xfId="2" applyFont="1">
      <alignment vertical="center"/>
    </xf>
    <xf numFmtId="0" fontId="4" fillId="0" borderId="0" xfId="2" applyFont="1" applyAlignment="1">
      <alignment vertical="center"/>
    </xf>
    <xf numFmtId="177" fontId="4" fillId="0" borderId="0" xfId="2" applyNumberFormat="1" applyAlignment="1">
      <alignment vertical="center"/>
    </xf>
    <xf numFmtId="178" fontId="4" fillId="0" borderId="0" xfId="2" applyNumberFormat="1">
      <alignment vertical="center"/>
    </xf>
    <xf numFmtId="0" fontId="27" fillId="0" borderId="17" xfId="2" applyFont="1" applyFill="1" applyBorder="1" applyAlignment="1">
      <alignment horizontal="center" vertical="center" wrapText="1"/>
    </xf>
    <xf numFmtId="177" fontId="27" fillId="0" borderId="17" xfId="2" applyNumberFormat="1" applyFont="1" applyFill="1" applyBorder="1" applyAlignment="1">
      <alignment horizontal="center" vertical="center" wrapText="1"/>
    </xf>
    <xf numFmtId="0" fontId="27" fillId="0" borderId="10" xfId="2" applyFont="1" applyFill="1" applyBorder="1" applyAlignment="1">
      <alignment horizontal="center" vertical="center" wrapText="1"/>
    </xf>
    <xf numFmtId="177" fontId="27" fillId="0" borderId="10" xfId="2" applyNumberFormat="1" applyFont="1" applyFill="1" applyBorder="1" applyAlignment="1">
      <alignment horizontal="center" vertical="center" wrapText="1"/>
    </xf>
    <xf numFmtId="0" fontId="27" fillId="0" borderId="11" xfId="2" applyFont="1" applyFill="1" applyBorder="1" applyAlignment="1">
      <alignment horizontal="right" vertical="center" wrapText="1"/>
    </xf>
    <xf numFmtId="0" fontId="29" fillId="0" borderId="20" xfId="2" applyFont="1" applyFill="1" applyBorder="1">
      <alignment vertical="center"/>
    </xf>
    <xf numFmtId="0" fontId="29" fillId="0" borderId="21" xfId="2" applyFont="1" applyFill="1" applyBorder="1" applyAlignment="1">
      <alignment horizontal="center" vertical="center"/>
    </xf>
    <xf numFmtId="176" fontId="25" fillId="0" borderId="20" xfId="2" applyNumberFormat="1" applyFont="1" applyFill="1" applyBorder="1" applyAlignment="1">
      <alignment horizontal="right" vertical="center"/>
    </xf>
    <xf numFmtId="0" fontId="29" fillId="0" borderId="12" xfId="2" applyFont="1" applyFill="1" applyBorder="1">
      <alignment vertical="center"/>
    </xf>
    <xf numFmtId="0" fontId="29" fillId="0" borderId="13" xfId="2" applyFont="1" applyFill="1" applyBorder="1" applyAlignment="1">
      <alignment horizontal="center" vertical="center"/>
    </xf>
    <xf numFmtId="176" fontId="25" fillId="0" borderId="12" xfId="2" applyNumberFormat="1" applyFont="1" applyFill="1" applyBorder="1" applyAlignment="1">
      <alignment horizontal="right" vertical="center"/>
    </xf>
    <xf numFmtId="177" fontId="25" fillId="0" borderId="12" xfId="2" applyNumberFormat="1" applyFont="1" applyFill="1" applyBorder="1" applyAlignment="1">
      <alignment horizontal="right" vertical="center"/>
    </xf>
    <xf numFmtId="0" fontId="29" fillId="0" borderId="24" xfId="2" applyFont="1" applyFill="1" applyBorder="1">
      <alignment vertical="center"/>
    </xf>
    <xf numFmtId="0" fontId="29" fillId="0" borderId="19" xfId="2" applyFont="1" applyFill="1" applyBorder="1" applyAlignment="1">
      <alignment horizontal="center" vertical="center"/>
    </xf>
    <xf numFmtId="176" fontId="25" fillId="0" borderId="24" xfId="2" applyNumberFormat="1" applyFont="1" applyFill="1" applyBorder="1" applyAlignment="1">
      <alignment horizontal="right" vertical="center"/>
    </xf>
    <xf numFmtId="176" fontId="25" fillId="0" borderId="20" xfId="2" applyNumberFormat="1" applyFont="1" applyFill="1" applyBorder="1" applyAlignment="1">
      <alignment horizontal="center" vertical="center"/>
    </xf>
    <xf numFmtId="176" fontId="25" fillId="0" borderId="12" xfId="2" applyNumberFormat="1" applyFont="1" applyFill="1" applyBorder="1" applyAlignment="1">
      <alignment horizontal="center" vertical="center"/>
    </xf>
    <xf numFmtId="176" fontId="25" fillId="0" borderId="24" xfId="2" applyNumberFormat="1" applyFont="1" applyFill="1" applyBorder="1" applyAlignment="1">
      <alignment horizontal="center" vertical="center"/>
    </xf>
    <xf numFmtId="177" fontId="25" fillId="0" borderId="12" xfId="2" applyNumberFormat="1" applyFont="1" applyFill="1" applyBorder="1" applyAlignment="1">
      <alignment horizontal="center" vertical="center"/>
    </xf>
    <xf numFmtId="177" fontId="25" fillId="0" borderId="24" xfId="2" applyNumberFormat="1" applyFont="1" applyFill="1" applyBorder="1" applyAlignment="1">
      <alignment horizontal="center" vertical="center"/>
    </xf>
    <xf numFmtId="177" fontId="25" fillId="0" borderId="12" xfId="2" applyNumberFormat="1" applyFont="1" applyFill="1" applyBorder="1" applyAlignment="1">
      <alignment vertical="center"/>
    </xf>
    <xf numFmtId="177" fontId="25" fillId="0" borderId="12" xfId="2" applyNumberFormat="1" applyFont="1" applyBorder="1" applyAlignment="1">
      <alignment vertical="center"/>
    </xf>
    <xf numFmtId="177" fontId="25" fillId="0" borderId="24" xfId="2" applyNumberFormat="1" applyFont="1" applyFill="1" applyBorder="1" applyAlignment="1">
      <alignment vertical="center"/>
    </xf>
    <xf numFmtId="177" fontId="25" fillId="0" borderId="24" xfId="2" applyNumberFormat="1" applyFont="1" applyBorder="1" applyAlignment="1">
      <alignment vertical="center"/>
    </xf>
    <xf numFmtId="177" fontId="25" fillId="0" borderId="12" xfId="2" applyNumberFormat="1" applyFont="1" applyBorder="1" applyAlignment="1">
      <alignment horizontal="center" vertical="center"/>
    </xf>
    <xf numFmtId="177" fontId="25" fillId="0" borderId="24" xfId="2" applyNumberFormat="1" applyFont="1" applyBorder="1" applyAlignment="1">
      <alignment horizontal="center" vertical="center"/>
    </xf>
    <xf numFmtId="176" fontId="26" fillId="0" borderId="25" xfId="2" applyNumberFormat="1" applyFont="1" applyBorder="1" applyAlignment="1">
      <alignment vertical="center"/>
    </xf>
    <xf numFmtId="176" fontId="26" fillId="0" borderId="0" xfId="2" applyNumberFormat="1" applyFont="1" applyBorder="1" applyAlignment="1">
      <alignment vertical="center"/>
    </xf>
    <xf numFmtId="176" fontId="26" fillId="0" borderId="25" xfId="2" applyNumberFormat="1" applyFont="1" applyBorder="1" applyAlignment="1">
      <alignment horizontal="right" vertical="center"/>
    </xf>
    <xf numFmtId="0" fontId="30" fillId="0" borderId="17" xfId="2" applyFont="1" applyFill="1" applyBorder="1" applyAlignment="1">
      <alignment horizontal="center" vertical="center" wrapText="1"/>
    </xf>
    <xf numFmtId="177" fontId="30" fillId="0" borderId="17" xfId="2" applyNumberFormat="1" applyFont="1" applyFill="1" applyBorder="1" applyAlignment="1">
      <alignment horizontal="center" vertical="center" wrapText="1"/>
    </xf>
    <xf numFmtId="0" fontId="30" fillId="0" borderId="10" xfId="2" applyFont="1" applyFill="1" applyBorder="1" applyAlignment="1">
      <alignment horizontal="center" vertical="center" wrapText="1"/>
    </xf>
    <xf numFmtId="177" fontId="30" fillId="0" borderId="10" xfId="2" applyNumberFormat="1" applyFont="1" applyFill="1" applyBorder="1" applyAlignment="1">
      <alignment horizontal="center" vertical="center" wrapText="1"/>
    </xf>
    <xf numFmtId="0" fontId="30" fillId="0" borderId="11" xfId="2" applyFont="1" applyFill="1" applyBorder="1" applyAlignment="1">
      <alignment horizontal="right" vertical="center" wrapText="1"/>
    </xf>
    <xf numFmtId="177" fontId="30" fillId="0" borderId="11" xfId="2" applyNumberFormat="1" applyFont="1" applyFill="1" applyBorder="1" applyAlignment="1">
      <alignment horizontal="right" vertical="center" wrapText="1"/>
    </xf>
    <xf numFmtId="176" fontId="29" fillId="0" borderId="32" xfId="2" applyNumberFormat="1" applyFont="1" applyBorder="1" applyAlignment="1" applyProtection="1">
      <alignment horizontal="center" vertical="center"/>
      <protection locked="0"/>
    </xf>
    <xf numFmtId="176" fontId="25" fillId="0" borderId="32" xfId="2" applyNumberFormat="1" applyFont="1" applyFill="1" applyBorder="1" applyAlignment="1" applyProtection="1">
      <alignment horizontal="right" vertical="center"/>
      <protection locked="0"/>
    </xf>
    <xf numFmtId="177" fontId="25" fillId="0" borderId="32" xfId="2" applyNumberFormat="1" applyFont="1" applyFill="1" applyBorder="1" applyAlignment="1" applyProtection="1">
      <alignment horizontal="right" vertical="center"/>
      <protection locked="0"/>
    </xf>
    <xf numFmtId="176" fontId="29" fillId="0" borderId="12" xfId="2" applyNumberFormat="1" applyFont="1" applyBorder="1" applyAlignment="1" applyProtection="1">
      <alignment horizontal="center" vertical="center"/>
      <protection locked="0"/>
    </xf>
    <xf numFmtId="176" fontId="25" fillId="0" borderId="12" xfId="2" applyNumberFormat="1" applyFont="1" applyFill="1" applyBorder="1" applyAlignment="1" applyProtection="1">
      <alignment horizontal="right" vertical="center"/>
      <protection locked="0"/>
    </xf>
    <xf numFmtId="177" fontId="25" fillId="0" borderId="12" xfId="2" applyNumberFormat="1" applyFont="1" applyFill="1" applyBorder="1" applyAlignment="1" applyProtection="1">
      <alignment horizontal="right" vertical="center"/>
      <protection locked="0"/>
    </xf>
    <xf numFmtId="177" fontId="25" fillId="0" borderId="12" xfId="2" applyNumberFormat="1" applyFont="1" applyFill="1" applyBorder="1" applyAlignment="1" applyProtection="1">
      <alignment vertical="center"/>
      <protection locked="0"/>
    </xf>
    <xf numFmtId="177" fontId="25" fillId="0" borderId="12" xfId="2" applyNumberFormat="1" applyFont="1" applyBorder="1" applyAlignment="1" applyProtection="1">
      <alignment vertical="center"/>
      <protection locked="0"/>
    </xf>
    <xf numFmtId="176" fontId="29" fillId="0" borderId="24" xfId="2" applyNumberFormat="1" applyFont="1" applyBorder="1" applyAlignment="1" applyProtection="1">
      <alignment horizontal="center" vertical="center"/>
      <protection locked="0"/>
    </xf>
    <xf numFmtId="176" fontId="25" fillId="0" borderId="24" xfId="2" applyNumberFormat="1" applyFont="1" applyFill="1" applyBorder="1" applyAlignment="1" applyProtection="1">
      <alignment horizontal="right" vertical="center"/>
      <protection locked="0"/>
    </xf>
    <xf numFmtId="177" fontId="25" fillId="0" borderId="24" xfId="2" applyNumberFormat="1" applyFont="1" applyFill="1" applyBorder="1" applyAlignment="1" applyProtection="1">
      <alignment vertical="center"/>
      <protection locked="0"/>
    </xf>
    <xf numFmtId="177" fontId="25" fillId="0" borderId="24" xfId="2" applyNumberFormat="1" applyFont="1" applyBorder="1" applyAlignment="1" applyProtection="1">
      <alignment vertical="center"/>
      <protection locked="0"/>
    </xf>
    <xf numFmtId="176" fontId="25" fillId="0" borderId="34" xfId="2" applyNumberFormat="1" applyFont="1" applyFill="1" applyBorder="1" applyAlignment="1" applyProtection="1">
      <alignment horizontal="right" vertical="center"/>
      <protection locked="0"/>
    </xf>
    <xf numFmtId="177" fontId="25" fillId="0" borderId="34" xfId="2" applyNumberFormat="1" applyFont="1" applyFill="1" applyBorder="1" applyAlignment="1" applyProtection="1">
      <alignment vertical="center"/>
      <protection locked="0"/>
    </xf>
    <xf numFmtId="0" fontId="29" fillId="0" borderId="20" xfId="2" applyFont="1" applyFill="1" applyBorder="1" applyProtection="1">
      <alignment vertical="center"/>
      <protection locked="0"/>
    </xf>
    <xf numFmtId="176" fontId="25" fillId="0" borderId="20" xfId="2" applyNumberFormat="1" applyFont="1" applyFill="1" applyBorder="1" applyAlignment="1" applyProtection="1">
      <alignment horizontal="right" vertical="center"/>
      <protection locked="0"/>
    </xf>
    <xf numFmtId="177" fontId="25" fillId="0" borderId="20" xfId="2" applyNumberFormat="1" applyFont="1" applyFill="1" applyBorder="1" applyAlignment="1" applyProtection="1">
      <alignment horizontal="right" vertical="center"/>
      <protection locked="0"/>
    </xf>
    <xf numFmtId="0" fontId="29" fillId="0" borderId="12" xfId="2" applyFont="1" applyFill="1" applyBorder="1" applyProtection="1">
      <alignment vertical="center"/>
      <protection locked="0"/>
    </xf>
    <xf numFmtId="0" fontId="29" fillId="0" borderId="34" xfId="2" applyFont="1" applyFill="1" applyBorder="1" applyProtection="1">
      <alignment vertical="center"/>
      <protection locked="0"/>
    </xf>
    <xf numFmtId="177" fontId="25" fillId="0" borderId="34" xfId="2" applyNumberFormat="1" applyFont="1" applyBorder="1" applyAlignment="1" applyProtection="1">
      <alignment vertical="center"/>
      <protection locked="0"/>
    </xf>
    <xf numFmtId="179" fontId="0" fillId="0" borderId="0" xfId="0" applyNumberFormat="1" applyFont="1" applyFill="1" applyAlignment="1"/>
    <xf numFmtId="0" fontId="33" fillId="0" borderId="0" xfId="0" applyFont="1" applyAlignment="1"/>
    <xf numFmtId="179" fontId="25" fillId="0" borderId="0" xfId="0" applyNumberFormat="1" applyFont="1" applyFill="1" applyAlignment="1"/>
    <xf numFmtId="180" fontId="25" fillId="0" borderId="0" xfId="0" applyNumberFormat="1" applyFont="1" applyFill="1" applyAlignment="1"/>
    <xf numFmtId="0" fontId="29" fillId="0" borderId="22" xfId="2" applyFont="1" applyFill="1" applyBorder="1" applyAlignment="1">
      <alignment horizontal="left" vertical="center"/>
    </xf>
    <xf numFmtId="0" fontId="29" fillId="0" borderId="14" xfId="2" applyFont="1" applyFill="1" applyBorder="1" applyAlignment="1">
      <alignment horizontal="left" vertical="center"/>
    </xf>
    <xf numFmtId="0" fontId="29" fillId="0" borderId="23" xfId="2" applyFont="1" applyFill="1" applyBorder="1" applyAlignment="1">
      <alignment horizontal="left" vertical="center"/>
    </xf>
    <xf numFmtId="179" fontId="25" fillId="0" borderId="0" xfId="0" applyNumberFormat="1" applyFont="1" applyFill="1" applyAlignment="1">
      <alignment horizontal="left"/>
    </xf>
    <xf numFmtId="0" fontId="5" fillId="0" borderId="0" xfId="2" applyFont="1" applyAlignment="1">
      <alignment horizontal="left" vertical="center"/>
    </xf>
    <xf numFmtId="0" fontId="4" fillId="0" borderId="0" xfId="2" applyFont="1" applyAlignment="1">
      <alignment horizontal="left" vertical="center"/>
    </xf>
    <xf numFmtId="0" fontId="5" fillId="0" borderId="0" xfId="2" applyFont="1" applyBorder="1" applyAlignment="1">
      <alignment vertical="center"/>
    </xf>
    <xf numFmtId="176" fontId="29" fillId="0" borderId="21" xfId="2" applyNumberFormat="1" applyFont="1" applyBorder="1" applyAlignment="1">
      <alignment horizontal="center" vertical="center"/>
    </xf>
    <xf numFmtId="176" fontId="29" fillId="0" borderId="13" xfId="2" applyNumberFormat="1" applyFont="1" applyBorder="1" applyAlignment="1">
      <alignment horizontal="center" vertical="center"/>
    </xf>
    <xf numFmtId="176" fontId="29" fillId="0" borderId="19" xfId="2" applyNumberFormat="1" applyFont="1" applyBorder="1" applyAlignment="1">
      <alignment horizontal="center" vertical="center"/>
    </xf>
    <xf numFmtId="176" fontId="29" fillId="0" borderId="21" xfId="2" applyNumberFormat="1" applyFont="1" applyBorder="1" applyAlignment="1" applyProtection="1">
      <alignment horizontal="center" vertical="center"/>
      <protection locked="0"/>
    </xf>
    <xf numFmtId="176" fontId="29" fillId="0" borderId="13" xfId="2" applyNumberFormat="1" applyFont="1" applyBorder="1" applyAlignment="1" applyProtection="1">
      <alignment horizontal="center" vertical="center"/>
      <protection locked="0"/>
    </xf>
    <xf numFmtId="176" fontId="29" fillId="0" borderId="36" xfId="2" applyNumberFormat="1" applyFont="1" applyBorder="1" applyAlignment="1" applyProtection="1">
      <alignment horizontal="center" vertical="center"/>
      <protection locked="0"/>
    </xf>
    <xf numFmtId="176" fontId="29" fillId="0" borderId="37" xfId="2" applyNumberFormat="1" applyFont="1" applyFill="1" applyBorder="1" applyAlignment="1" applyProtection="1">
      <alignment horizontal="center" vertical="center"/>
      <protection locked="0"/>
    </xf>
    <xf numFmtId="176" fontId="29" fillId="0" borderId="19" xfId="2" applyNumberFormat="1" applyFont="1" applyBorder="1" applyAlignment="1" applyProtection="1">
      <alignment horizontal="center" vertical="center"/>
      <protection locked="0"/>
    </xf>
    <xf numFmtId="179" fontId="25" fillId="0" borderId="0" xfId="0" applyNumberFormat="1" applyFont="1" applyFill="1" applyBorder="1" applyAlignment="1"/>
    <xf numFmtId="0" fontId="4" fillId="0" borderId="0" xfId="2" applyBorder="1">
      <alignment vertical="center"/>
    </xf>
    <xf numFmtId="176" fontId="29" fillId="0" borderId="22" xfId="2" applyNumberFormat="1" applyFont="1" applyBorder="1" applyAlignment="1">
      <alignment horizontal="left" vertical="center"/>
    </xf>
    <xf numFmtId="176" fontId="29" fillId="0" borderId="14" xfId="2" applyNumberFormat="1" applyFont="1" applyBorder="1" applyAlignment="1">
      <alignment horizontal="left" vertical="center"/>
    </xf>
    <xf numFmtId="176" fontId="29" fillId="0" borderId="23" xfId="2" applyNumberFormat="1" applyFont="1" applyBorder="1" applyAlignment="1">
      <alignment horizontal="left" vertical="center"/>
    </xf>
    <xf numFmtId="176" fontId="29" fillId="0" borderId="22" xfId="2" applyNumberFormat="1" applyFont="1" applyBorder="1" applyAlignment="1" applyProtection="1">
      <alignment horizontal="left" vertical="center"/>
      <protection locked="0"/>
    </xf>
    <xf numFmtId="176" fontId="29" fillId="0" borderId="14" xfId="2" applyNumberFormat="1" applyFont="1" applyBorder="1" applyAlignment="1" applyProtection="1">
      <alignment horizontal="left" vertical="center"/>
      <protection locked="0"/>
    </xf>
    <xf numFmtId="176" fontId="29" fillId="0" borderId="35" xfId="2" applyNumberFormat="1" applyFont="1" applyBorder="1" applyAlignment="1" applyProtection="1">
      <alignment horizontal="left" vertical="center"/>
      <protection locked="0"/>
    </xf>
    <xf numFmtId="176" fontId="29" fillId="0" borderId="33" xfId="2" applyNumberFormat="1" applyFont="1" applyFill="1" applyBorder="1" applyAlignment="1" applyProtection="1">
      <alignment horizontal="left" vertical="center"/>
      <protection locked="0"/>
    </xf>
    <xf numFmtId="176" fontId="29" fillId="0" borderId="23" xfId="2" applyNumberFormat="1" applyFont="1" applyBorder="1" applyAlignment="1" applyProtection="1">
      <alignment horizontal="left" vertical="center"/>
      <protection locked="0"/>
    </xf>
    <xf numFmtId="180" fontId="25" fillId="0" borderId="0" xfId="0" applyNumberFormat="1" applyFont="1" applyFill="1" applyAlignment="1">
      <alignment horizontal="left"/>
    </xf>
    <xf numFmtId="0" fontId="4" fillId="0" borderId="0" xfId="2" applyAlignment="1">
      <alignment horizontal="left" vertical="center"/>
    </xf>
    <xf numFmtId="177" fontId="27" fillId="0" borderId="18" xfId="2" applyNumberFormat="1" applyFont="1" applyFill="1" applyBorder="1" applyAlignment="1">
      <alignment horizontal="center" vertical="center" wrapText="1"/>
    </xf>
    <xf numFmtId="177" fontId="25" fillId="0" borderId="29" xfId="2" applyNumberFormat="1" applyFont="1" applyBorder="1" applyAlignment="1">
      <alignment horizontal="center" vertical="center" wrapText="1"/>
    </xf>
    <xf numFmtId="0" fontId="32" fillId="0" borderId="0" xfId="2" applyFont="1" applyFill="1" applyAlignment="1">
      <alignment vertical="center"/>
    </xf>
    <xf numFmtId="177" fontId="23" fillId="0" borderId="0" xfId="2" applyNumberFormat="1" applyFont="1" applyBorder="1" applyAlignment="1">
      <alignment vertical="center" shrinkToFit="1"/>
    </xf>
    <xf numFmtId="176" fontId="26" fillId="0" borderId="25" xfId="2" applyNumberFormat="1" applyFont="1" applyBorder="1" applyAlignment="1">
      <alignment horizontal="right" vertical="center" indent="1"/>
    </xf>
    <xf numFmtId="0" fontId="25" fillId="0" borderId="10" xfId="2" applyFont="1" applyBorder="1" applyAlignment="1">
      <alignment horizontal="center" vertical="center"/>
    </xf>
    <xf numFmtId="0" fontId="25" fillId="0" borderId="29" xfId="2" applyFont="1" applyBorder="1" applyAlignment="1">
      <alignment horizontal="center" vertical="center"/>
    </xf>
    <xf numFmtId="0" fontId="25" fillId="0" borderId="11" xfId="2" applyFont="1" applyBorder="1" applyAlignment="1">
      <alignment horizontal="center" vertical="center"/>
    </xf>
    <xf numFmtId="0" fontId="25" fillId="0" borderId="18" xfId="2" applyFont="1" applyBorder="1" applyAlignment="1">
      <alignment horizontal="center" vertical="center"/>
    </xf>
    <xf numFmtId="0" fontId="25" fillId="0" borderId="17" xfId="2" applyFont="1" applyBorder="1" applyAlignment="1">
      <alignment horizontal="center" vertical="center"/>
    </xf>
    <xf numFmtId="0" fontId="25" fillId="0" borderId="30" xfId="2" applyFont="1" applyBorder="1" applyAlignment="1">
      <alignment horizontal="center" vertical="center"/>
    </xf>
    <xf numFmtId="0" fontId="25" fillId="0" borderId="31" xfId="2" applyFont="1" applyBorder="1" applyAlignment="1">
      <alignment horizontal="center" vertical="center"/>
    </xf>
    <xf numFmtId="0" fontId="25" fillId="0" borderId="16" xfId="2" applyFont="1" applyBorder="1" applyAlignment="1">
      <alignment horizontal="center" vertical="center"/>
    </xf>
    <xf numFmtId="0" fontId="25" fillId="0" borderId="15" xfId="2" applyFont="1" applyBorder="1" applyAlignment="1">
      <alignment horizontal="center" vertical="center"/>
    </xf>
    <xf numFmtId="0" fontId="25" fillId="0" borderId="26" xfId="2" applyFont="1" applyBorder="1" applyAlignment="1">
      <alignment horizontal="center" vertical="center"/>
    </xf>
    <xf numFmtId="177" fontId="25" fillId="0" borderId="27" xfId="2" applyNumberFormat="1" applyFont="1" applyBorder="1" applyAlignment="1">
      <alignment horizontal="center" vertical="center"/>
    </xf>
    <xf numFmtId="177" fontId="25" fillId="0" borderId="28" xfId="2" applyNumberFormat="1" applyFont="1" applyBorder="1" applyAlignment="1">
      <alignment horizontal="center" vertical="center"/>
    </xf>
    <xf numFmtId="0" fontId="27" fillId="0" borderId="10" xfId="2" applyFont="1" applyFill="1" applyBorder="1" applyAlignment="1">
      <alignment horizontal="center" vertical="center" wrapText="1"/>
    </xf>
    <xf numFmtId="0" fontId="25" fillId="0" borderId="29" xfId="2" applyFont="1" applyBorder="1" applyAlignment="1">
      <alignment horizontal="center" vertical="center" wrapText="1"/>
    </xf>
    <xf numFmtId="0" fontId="27" fillId="0" borderId="18" xfId="2" applyFont="1" applyFill="1" applyBorder="1" applyAlignment="1">
      <alignment horizontal="center" vertical="center" wrapText="1"/>
    </xf>
    <xf numFmtId="0" fontId="27" fillId="0" borderId="29" xfId="2" applyFont="1" applyFill="1" applyBorder="1" applyAlignment="1">
      <alignment horizontal="center" vertical="center" wrapText="1"/>
    </xf>
    <xf numFmtId="177" fontId="23" fillId="0" borderId="0" xfId="2" applyNumberFormat="1" applyFont="1" applyBorder="1" applyAlignment="1">
      <alignment vertical="center"/>
    </xf>
    <xf numFmtId="0" fontId="25" fillId="0" borderId="26" xfId="2" applyFont="1" applyBorder="1" applyAlignment="1">
      <alignment vertical="center"/>
    </xf>
    <xf numFmtId="0" fontId="30" fillId="0" borderId="10" xfId="2" applyFont="1" applyFill="1" applyBorder="1" applyAlignment="1">
      <alignment horizontal="center" vertical="center" wrapText="1"/>
    </xf>
    <xf numFmtId="0" fontId="30" fillId="0" borderId="18" xfId="2" applyFont="1" applyFill="1" applyBorder="1" applyAlignment="1">
      <alignment horizontal="center" vertical="center" wrapText="1"/>
    </xf>
    <xf numFmtId="0" fontId="30" fillId="0" borderId="29" xfId="2" applyFont="1" applyFill="1" applyBorder="1" applyAlignment="1">
      <alignment horizontal="center" vertical="center" wrapText="1"/>
    </xf>
    <xf numFmtId="177" fontId="30" fillId="0" borderId="18" xfId="2" applyNumberFormat="1" applyFont="1" applyFill="1" applyBorder="1" applyAlignment="1">
      <alignment horizontal="center" vertical="center" wrapText="1"/>
    </xf>
    <xf numFmtId="177" fontId="27" fillId="0" borderId="11" xfId="2" applyNumberFormat="1" applyFont="1" applyFill="1" applyBorder="1" applyAlignment="1">
      <alignment horizontal="right" vertical="center" wrapText="1"/>
    </xf>
  </cellXfs>
  <cellStyles count="45">
    <cellStyle name="20% - アクセント 1 2" xfId="3"/>
    <cellStyle name="20% - アクセント 2 2" xfId="4"/>
    <cellStyle name="20% - アクセント 3 2" xfId="5"/>
    <cellStyle name="20% - アクセント 4 2" xfId="6"/>
    <cellStyle name="20% - アクセント 5 2" xfId="7"/>
    <cellStyle name="20% - アクセント 6 2" xfId="8"/>
    <cellStyle name="40% - アクセント 1 2" xfId="9"/>
    <cellStyle name="40% - アクセント 2 2" xfId="10"/>
    <cellStyle name="40% - アクセント 3 2" xfId="11"/>
    <cellStyle name="40% - アクセント 4 2" xfId="12"/>
    <cellStyle name="40% - アクセント 5 2" xfId="13"/>
    <cellStyle name="40% - アクセント 6 2" xfId="14"/>
    <cellStyle name="60% - アクセント 1 2" xfId="15"/>
    <cellStyle name="60% - アクセント 2 2" xfId="16"/>
    <cellStyle name="60% - アクセント 3 2" xfId="17"/>
    <cellStyle name="60% - アクセント 4 2" xfId="18"/>
    <cellStyle name="60% - アクセント 5 2" xfId="19"/>
    <cellStyle name="60% - アクセント 6 2" xfId="20"/>
    <cellStyle name="アクセント 1 2" xfId="21"/>
    <cellStyle name="アクセント 2 2" xfId="22"/>
    <cellStyle name="アクセント 3 2" xfId="23"/>
    <cellStyle name="アクセント 4 2" xfId="24"/>
    <cellStyle name="アクセント 5 2" xfId="25"/>
    <cellStyle name="アクセント 6 2" xfId="26"/>
    <cellStyle name="タイトル 2" xfId="27"/>
    <cellStyle name="チェック セル 2" xfId="28"/>
    <cellStyle name="どちらでもない 2" xfId="29"/>
    <cellStyle name="メモ 2" xfId="30"/>
    <cellStyle name="リンク セル 2" xfId="31"/>
    <cellStyle name="悪い 2" xfId="32"/>
    <cellStyle name="計算 2" xfId="33"/>
    <cellStyle name="警告文 2" xfId="34"/>
    <cellStyle name="見出し 1 2" xfId="35"/>
    <cellStyle name="見出し 2 2" xfId="36"/>
    <cellStyle name="見出し 3 2" xfId="37"/>
    <cellStyle name="見出し 4 2" xfId="38"/>
    <cellStyle name="集計 2" xfId="39"/>
    <cellStyle name="出力 2" xfId="40"/>
    <cellStyle name="説明文 2" xfId="41"/>
    <cellStyle name="入力 2" xfId="42"/>
    <cellStyle name="標準" xfId="0" builtinId="0"/>
    <cellStyle name="標準 2" xfId="1"/>
    <cellStyle name="標準 3" xfId="2"/>
    <cellStyle name="標準 6" xfId="44"/>
    <cellStyle name="良い 2" xfId="43"/>
  </cellStyles>
  <dxfs count="2">
    <dxf>
      <border>
        <bottom style="thin">
          <color indexed="64"/>
        </bottom>
      </border>
    </dxf>
    <dxf>
      <border>
        <bottom style="thin">
          <color indexed="64"/>
        </bottom>
      </border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Drop" dropStyle="combo" dx="15" noThreeD="1" sel="0" val="0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0</xdr:row>
          <xdr:rowOff>0</xdr:rowOff>
        </xdr:from>
        <xdr:to>
          <xdr:col>0</xdr:col>
          <xdr:colOff>0</xdr:colOff>
          <xdr:row>0</xdr:row>
          <xdr:rowOff>0</xdr:rowOff>
        </xdr:to>
        <xdr:sp macro="" textlink="">
          <xdr:nvSpPr>
            <xdr:cNvPr id="5121" name="Drop Down 1" hidden="1">
              <a:extLst>
                <a:ext uri="{63B3BB69-23CF-44E3-9099-C40C66FF867C}">
                  <a14:compatExt spid="_x0000_s5121"/>
                </a:ext>
                <a:ext uri="{FF2B5EF4-FFF2-40B4-BE49-F238E27FC236}">
                  <a16:creationId xmlns:a16="http://schemas.microsoft.com/office/drawing/2014/main" xmlns="" id="{00000000-0008-0000-01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1240B29-F687-4F45-9708-019B960494DF}">
                <a14:hiddenLine w="9525">
                  <a:noFill/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N255"/>
  <sheetViews>
    <sheetView tabSelected="1" zoomScaleNormal="100" workbookViewId="0">
      <pane xSplit="4" ySplit="7" topLeftCell="E8" activePane="bottomRight" state="frozen"/>
      <selection pane="topRight" activeCell="E1" sqref="E1"/>
      <selection pane="bottomLeft" activeCell="A8" sqref="A8"/>
      <selection pane="bottomRight" activeCell="M129" sqref="M129"/>
    </sheetView>
  </sheetViews>
  <sheetFormatPr defaultRowHeight="13.5"/>
  <cols>
    <col min="1" max="1" width="8.625" style="4" customWidth="1"/>
    <col min="2" max="2" width="12.625" style="4" customWidth="1"/>
    <col min="3" max="3" width="3.625" style="4" customWidth="1"/>
    <col min="4" max="4" width="5.625" style="73" customWidth="1"/>
    <col min="5" max="10" width="9.625" style="4" customWidth="1"/>
    <col min="11" max="13" width="9.625" style="3" customWidth="1"/>
    <col min="14" max="14" width="9.625" style="4" customWidth="1"/>
    <col min="15" max="16384" width="9" style="4"/>
  </cols>
  <sheetData>
    <row r="1" spans="1:14">
      <c r="A1" s="97" t="s">
        <v>116</v>
      </c>
      <c r="B1" s="97"/>
      <c r="C1" s="97"/>
      <c r="D1" s="97"/>
      <c r="E1" s="97"/>
      <c r="F1" s="97"/>
      <c r="G1" s="97"/>
    </row>
    <row r="2" spans="1:14">
      <c r="A2" s="97"/>
      <c r="B2" s="97"/>
      <c r="C2" s="97"/>
      <c r="D2" s="97"/>
      <c r="E2" s="97"/>
      <c r="F2" s="97"/>
      <c r="G2" s="97"/>
      <c r="H2" s="98"/>
      <c r="I2" s="98"/>
      <c r="J2" s="98"/>
      <c r="K2" s="98"/>
      <c r="L2" s="98"/>
      <c r="M2" s="98"/>
      <c r="N2" s="5"/>
    </row>
    <row r="3" spans="1:14" ht="16.5">
      <c r="A3" s="2"/>
      <c r="B3" s="2"/>
      <c r="C3" s="2"/>
      <c r="D3" s="72"/>
      <c r="E3" s="2"/>
      <c r="F3" s="6"/>
      <c r="G3" s="6"/>
      <c r="H3" s="99" t="s">
        <v>112</v>
      </c>
      <c r="I3" s="99"/>
      <c r="J3" s="99"/>
      <c r="K3" s="99"/>
      <c r="L3" s="99"/>
      <c r="M3" s="99"/>
      <c r="N3" s="99"/>
    </row>
    <row r="4" spans="1:14" ht="18.75">
      <c r="A4" s="100" t="s">
        <v>84</v>
      </c>
      <c r="B4" s="100" t="s">
        <v>87</v>
      </c>
      <c r="C4" s="103" t="s">
        <v>86</v>
      </c>
      <c r="D4" s="104"/>
      <c r="E4" s="109" t="s">
        <v>91</v>
      </c>
      <c r="F4" s="109"/>
      <c r="G4" s="109"/>
      <c r="H4" s="109"/>
      <c r="I4" s="109"/>
      <c r="J4" s="109"/>
      <c r="K4" s="110" t="s">
        <v>92</v>
      </c>
      <c r="L4" s="110"/>
      <c r="M4" s="110"/>
      <c r="N4" s="111"/>
    </row>
    <row r="5" spans="1:14" ht="24.95" customHeight="1">
      <c r="A5" s="101"/>
      <c r="B5" s="101"/>
      <c r="C5" s="105"/>
      <c r="D5" s="106"/>
      <c r="E5" s="112" t="s">
        <v>118</v>
      </c>
      <c r="F5" s="112" t="s">
        <v>93</v>
      </c>
      <c r="G5" s="112" t="s">
        <v>111</v>
      </c>
      <c r="H5" s="114" t="s">
        <v>94</v>
      </c>
      <c r="I5" s="9"/>
      <c r="J5" s="112" t="s">
        <v>95</v>
      </c>
      <c r="K5" s="112" t="s">
        <v>93</v>
      </c>
      <c r="L5" s="112" t="s">
        <v>111</v>
      </c>
      <c r="M5" s="95" t="s">
        <v>96</v>
      </c>
      <c r="N5" s="10"/>
    </row>
    <row r="6" spans="1:14" ht="33.75" customHeight="1">
      <c r="A6" s="101"/>
      <c r="B6" s="101"/>
      <c r="C6" s="105"/>
      <c r="D6" s="106"/>
      <c r="E6" s="113"/>
      <c r="F6" s="113"/>
      <c r="G6" s="113"/>
      <c r="H6" s="113"/>
      <c r="I6" s="11" t="s">
        <v>98</v>
      </c>
      <c r="J6" s="115"/>
      <c r="K6" s="113"/>
      <c r="L6" s="113"/>
      <c r="M6" s="96"/>
      <c r="N6" s="12" t="s">
        <v>99</v>
      </c>
    </row>
    <row r="7" spans="1:14">
      <c r="A7" s="102"/>
      <c r="B7" s="102"/>
      <c r="C7" s="107"/>
      <c r="D7" s="108"/>
      <c r="E7" s="13" t="s">
        <v>85</v>
      </c>
      <c r="F7" s="13" t="s">
        <v>85</v>
      </c>
      <c r="G7" s="13" t="s">
        <v>85</v>
      </c>
      <c r="H7" s="13" t="s">
        <v>85</v>
      </c>
      <c r="I7" s="13" t="s">
        <v>85</v>
      </c>
      <c r="J7" s="13" t="s">
        <v>85</v>
      </c>
      <c r="K7" s="122" t="s">
        <v>97</v>
      </c>
      <c r="L7" s="122" t="s">
        <v>97</v>
      </c>
      <c r="M7" s="122" t="s">
        <v>97</v>
      </c>
      <c r="N7" s="122" t="s">
        <v>97</v>
      </c>
    </row>
    <row r="8" spans="1:14" ht="18.75">
      <c r="A8" s="14" t="s">
        <v>0</v>
      </c>
      <c r="B8" s="14" t="s">
        <v>88</v>
      </c>
      <c r="C8" s="15">
        <v>1</v>
      </c>
      <c r="D8" s="68" t="s">
        <v>100</v>
      </c>
      <c r="E8" s="16">
        <v>2366</v>
      </c>
      <c r="F8" s="16">
        <v>265</v>
      </c>
      <c r="G8" s="16">
        <v>1340</v>
      </c>
      <c r="H8" s="16">
        <v>721</v>
      </c>
      <c r="I8" s="16">
        <v>405</v>
      </c>
      <c r="J8" s="16">
        <v>40</v>
      </c>
      <c r="K8" s="20">
        <v>11.4</v>
      </c>
      <c r="L8" s="20">
        <v>57.6</v>
      </c>
      <c r="M8" s="20">
        <v>31</v>
      </c>
      <c r="N8" s="20">
        <v>17.399999999999999</v>
      </c>
    </row>
    <row r="9" spans="1:14" ht="18.75">
      <c r="A9" s="17" t="s">
        <v>0</v>
      </c>
      <c r="B9" s="17" t="s">
        <v>88</v>
      </c>
      <c r="C9" s="18">
        <v>2</v>
      </c>
      <c r="D9" s="69" t="s">
        <v>101</v>
      </c>
      <c r="E9" s="19">
        <v>1101</v>
      </c>
      <c r="F9" s="19">
        <v>142</v>
      </c>
      <c r="G9" s="19">
        <v>660</v>
      </c>
      <c r="H9" s="19">
        <v>271</v>
      </c>
      <c r="I9" s="19">
        <v>133</v>
      </c>
      <c r="J9" s="19">
        <v>28</v>
      </c>
      <c r="K9" s="20">
        <v>13.2</v>
      </c>
      <c r="L9" s="29">
        <v>61.5</v>
      </c>
      <c r="M9" s="29">
        <v>25.3</v>
      </c>
      <c r="N9" s="30">
        <v>12.4</v>
      </c>
    </row>
    <row r="10" spans="1:14" ht="18.75">
      <c r="A10" s="21" t="s">
        <v>0</v>
      </c>
      <c r="B10" s="21" t="s">
        <v>88</v>
      </c>
      <c r="C10" s="22">
        <v>3</v>
      </c>
      <c r="D10" s="70" t="s">
        <v>102</v>
      </c>
      <c r="E10" s="23">
        <v>1265</v>
      </c>
      <c r="F10" s="23">
        <v>123</v>
      </c>
      <c r="G10" s="23">
        <v>680</v>
      </c>
      <c r="H10" s="23">
        <v>450</v>
      </c>
      <c r="I10" s="23">
        <v>272</v>
      </c>
      <c r="J10" s="23">
        <v>12</v>
      </c>
      <c r="K10" s="31">
        <v>9.8000000000000007</v>
      </c>
      <c r="L10" s="31">
        <v>54.3</v>
      </c>
      <c r="M10" s="31">
        <v>35.9</v>
      </c>
      <c r="N10" s="32">
        <v>21.7</v>
      </c>
    </row>
    <row r="11" spans="1:14" ht="18.75">
      <c r="A11" s="14" t="s">
        <v>0</v>
      </c>
      <c r="B11" s="14" t="s">
        <v>103</v>
      </c>
      <c r="C11" s="15">
        <v>1</v>
      </c>
      <c r="D11" s="68" t="s">
        <v>100</v>
      </c>
      <c r="E11" s="16">
        <v>4724</v>
      </c>
      <c r="F11" s="16">
        <v>615</v>
      </c>
      <c r="G11" s="16">
        <v>2833</v>
      </c>
      <c r="H11" s="16">
        <v>1181</v>
      </c>
      <c r="I11" s="16">
        <v>609</v>
      </c>
      <c r="J11" s="16">
        <v>95</v>
      </c>
      <c r="K11" s="20">
        <v>13.3</v>
      </c>
      <c r="L11" s="20">
        <v>61.2</v>
      </c>
      <c r="M11" s="20">
        <v>25.5</v>
      </c>
      <c r="N11" s="20">
        <v>13.2</v>
      </c>
    </row>
    <row r="12" spans="1:14" ht="18.75">
      <c r="A12" s="17" t="s">
        <v>0</v>
      </c>
      <c r="B12" s="17" t="s">
        <v>103</v>
      </c>
      <c r="C12" s="18">
        <v>2</v>
      </c>
      <c r="D12" s="69" t="s">
        <v>101</v>
      </c>
      <c r="E12" s="19">
        <v>2343</v>
      </c>
      <c r="F12" s="19">
        <v>301</v>
      </c>
      <c r="G12" s="19">
        <v>1461</v>
      </c>
      <c r="H12" s="19">
        <v>509</v>
      </c>
      <c r="I12" s="19">
        <v>228</v>
      </c>
      <c r="J12" s="19">
        <v>72</v>
      </c>
      <c r="K12" s="20">
        <v>13.3</v>
      </c>
      <c r="L12" s="29">
        <v>64.3</v>
      </c>
      <c r="M12" s="29">
        <v>22.4</v>
      </c>
      <c r="N12" s="30">
        <v>10</v>
      </c>
    </row>
    <row r="13" spans="1:14" ht="18.75">
      <c r="A13" s="21" t="s">
        <v>0</v>
      </c>
      <c r="B13" s="21" t="s">
        <v>103</v>
      </c>
      <c r="C13" s="22">
        <v>3</v>
      </c>
      <c r="D13" s="70" t="s">
        <v>102</v>
      </c>
      <c r="E13" s="23">
        <v>2381</v>
      </c>
      <c r="F13" s="23">
        <v>314</v>
      </c>
      <c r="G13" s="23">
        <v>1372</v>
      </c>
      <c r="H13" s="23">
        <v>672</v>
      </c>
      <c r="I13" s="23">
        <v>381</v>
      </c>
      <c r="J13" s="23">
        <v>23</v>
      </c>
      <c r="K13" s="31">
        <v>13.3</v>
      </c>
      <c r="L13" s="31">
        <v>58.2</v>
      </c>
      <c r="M13" s="31">
        <v>28.5</v>
      </c>
      <c r="N13" s="32">
        <v>16.2</v>
      </c>
    </row>
    <row r="14" spans="1:14" ht="18.75">
      <c r="A14" s="14" t="s">
        <v>0</v>
      </c>
      <c r="B14" s="14" t="s">
        <v>104</v>
      </c>
      <c r="C14" s="15">
        <v>1</v>
      </c>
      <c r="D14" s="68" t="s">
        <v>100</v>
      </c>
      <c r="E14" s="16">
        <v>2798</v>
      </c>
      <c r="F14" s="16">
        <v>322</v>
      </c>
      <c r="G14" s="16">
        <v>1558</v>
      </c>
      <c r="H14" s="16">
        <v>851</v>
      </c>
      <c r="I14" s="16">
        <v>408</v>
      </c>
      <c r="J14" s="16">
        <v>67</v>
      </c>
      <c r="K14" s="20">
        <v>11.8</v>
      </c>
      <c r="L14" s="20">
        <v>57</v>
      </c>
      <c r="M14" s="20">
        <v>31.2</v>
      </c>
      <c r="N14" s="20">
        <v>14.9</v>
      </c>
    </row>
    <row r="15" spans="1:14" ht="18.75">
      <c r="A15" s="17" t="s">
        <v>0</v>
      </c>
      <c r="B15" s="17" t="s">
        <v>104</v>
      </c>
      <c r="C15" s="18">
        <v>2</v>
      </c>
      <c r="D15" s="69" t="s">
        <v>101</v>
      </c>
      <c r="E15" s="19">
        <v>1372</v>
      </c>
      <c r="F15" s="19">
        <v>162</v>
      </c>
      <c r="G15" s="19">
        <v>814</v>
      </c>
      <c r="H15" s="19">
        <v>352</v>
      </c>
      <c r="I15" s="19">
        <v>162</v>
      </c>
      <c r="J15" s="19">
        <v>44</v>
      </c>
      <c r="K15" s="20">
        <v>12.2</v>
      </c>
      <c r="L15" s="29">
        <v>61.3</v>
      </c>
      <c r="M15" s="29">
        <v>26.5</v>
      </c>
      <c r="N15" s="30">
        <v>12.2</v>
      </c>
    </row>
    <row r="16" spans="1:14" ht="18.75">
      <c r="A16" s="21" t="s">
        <v>0</v>
      </c>
      <c r="B16" s="21" t="s">
        <v>104</v>
      </c>
      <c r="C16" s="22">
        <v>3</v>
      </c>
      <c r="D16" s="70" t="s">
        <v>102</v>
      </c>
      <c r="E16" s="23">
        <v>1426</v>
      </c>
      <c r="F16" s="23">
        <v>160</v>
      </c>
      <c r="G16" s="23">
        <v>744</v>
      </c>
      <c r="H16" s="23">
        <v>499</v>
      </c>
      <c r="I16" s="23">
        <v>246</v>
      </c>
      <c r="J16" s="23">
        <v>23</v>
      </c>
      <c r="K16" s="31">
        <v>11.4</v>
      </c>
      <c r="L16" s="31">
        <v>53</v>
      </c>
      <c r="M16" s="31">
        <v>35.6</v>
      </c>
      <c r="N16" s="32">
        <v>17.5</v>
      </c>
    </row>
    <row r="17" spans="1:14" ht="18.75">
      <c r="A17" s="14" t="s">
        <v>0</v>
      </c>
      <c r="B17" s="14" t="s">
        <v>105</v>
      </c>
      <c r="C17" s="15">
        <v>1</v>
      </c>
      <c r="D17" s="68" t="s">
        <v>100</v>
      </c>
      <c r="E17" s="16">
        <v>1799</v>
      </c>
      <c r="F17" s="16">
        <v>178</v>
      </c>
      <c r="G17" s="16">
        <v>1051</v>
      </c>
      <c r="H17" s="16">
        <v>521</v>
      </c>
      <c r="I17" s="16">
        <v>284</v>
      </c>
      <c r="J17" s="16">
        <v>49</v>
      </c>
      <c r="K17" s="20">
        <v>10.199999999999999</v>
      </c>
      <c r="L17" s="20">
        <v>60.1</v>
      </c>
      <c r="M17" s="20">
        <v>29.8</v>
      </c>
      <c r="N17" s="20">
        <v>16.2</v>
      </c>
    </row>
    <row r="18" spans="1:14" ht="18.75">
      <c r="A18" s="17" t="s">
        <v>0</v>
      </c>
      <c r="B18" s="17" t="s">
        <v>89</v>
      </c>
      <c r="C18" s="18">
        <v>2</v>
      </c>
      <c r="D18" s="69" t="s">
        <v>101</v>
      </c>
      <c r="E18" s="19">
        <v>865</v>
      </c>
      <c r="F18" s="19">
        <v>80</v>
      </c>
      <c r="G18" s="19">
        <v>546</v>
      </c>
      <c r="H18" s="19">
        <v>213</v>
      </c>
      <c r="I18" s="19">
        <v>110</v>
      </c>
      <c r="J18" s="19">
        <v>26</v>
      </c>
      <c r="K18" s="20">
        <v>9.5</v>
      </c>
      <c r="L18" s="29">
        <v>65.099999999999994</v>
      </c>
      <c r="M18" s="29">
        <v>25.4</v>
      </c>
      <c r="N18" s="30">
        <v>13.1</v>
      </c>
    </row>
    <row r="19" spans="1:14" ht="18.75">
      <c r="A19" s="21" t="s">
        <v>0</v>
      </c>
      <c r="B19" s="21" t="s">
        <v>89</v>
      </c>
      <c r="C19" s="22">
        <v>3</v>
      </c>
      <c r="D19" s="70" t="s">
        <v>102</v>
      </c>
      <c r="E19" s="23">
        <v>934</v>
      </c>
      <c r="F19" s="23">
        <v>98</v>
      </c>
      <c r="G19" s="23">
        <v>505</v>
      </c>
      <c r="H19" s="23">
        <v>308</v>
      </c>
      <c r="I19" s="23">
        <v>174</v>
      </c>
      <c r="J19" s="23">
        <v>23</v>
      </c>
      <c r="K19" s="31">
        <v>10.8</v>
      </c>
      <c r="L19" s="31">
        <v>55.4</v>
      </c>
      <c r="M19" s="31">
        <v>33.799999999999997</v>
      </c>
      <c r="N19" s="32">
        <v>19.100000000000001</v>
      </c>
    </row>
    <row r="20" spans="1:14" ht="18.75">
      <c r="A20" s="14" t="s">
        <v>0</v>
      </c>
      <c r="B20" s="14" t="s">
        <v>1</v>
      </c>
      <c r="C20" s="15">
        <v>1</v>
      </c>
      <c r="D20" s="68" t="s">
        <v>100</v>
      </c>
      <c r="E20" s="16">
        <v>3363</v>
      </c>
      <c r="F20" s="16">
        <v>323</v>
      </c>
      <c r="G20" s="16">
        <v>1820</v>
      </c>
      <c r="H20" s="16">
        <v>1119</v>
      </c>
      <c r="I20" s="16">
        <v>631</v>
      </c>
      <c r="J20" s="16">
        <v>101</v>
      </c>
      <c r="K20" s="20">
        <v>9.9</v>
      </c>
      <c r="L20" s="20">
        <v>55.8</v>
      </c>
      <c r="M20" s="20">
        <v>34.299999999999997</v>
      </c>
      <c r="N20" s="20">
        <v>19.3</v>
      </c>
    </row>
    <row r="21" spans="1:14" ht="18.75">
      <c r="A21" s="17" t="s">
        <v>0</v>
      </c>
      <c r="B21" s="17" t="s">
        <v>1</v>
      </c>
      <c r="C21" s="18">
        <v>2</v>
      </c>
      <c r="D21" s="69" t="s">
        <v>101</v>
      </c>
      <c r="E21" s="19">
        <v>1593</v>
      </c>
      <c r="F21" s="19">
        <v>173</v>
      </c>
      <c r="G21" s="19">
        <v>915</v>
      </c>
      <c r="H21" s="19">
        <v>440</v>
      </c>
      <c r="I21" s="19">
        <v>220</v>
      </c>
      <c r="J21" s="19">
        <v>65</v>
      </c>
      <c r="K21" s="20">
        <v>11.3</v>
      </c>
      <c r="L21" s="29">
        <v>59.9</v>
      </c>
      <c r="M21" s="29">
        <v>28.8</v>
      </c>
      <c r="N21" s="30">
        <v>14.4</v>
      </c>
    </row>
    <row r="22" spans="1:14" ht="18.75">
      <c r="A22" s="21" t="s">
        <v>0</v>
      </c>
      <c r="B22" s="21" t="s">
        <v>1</v>
      </c>
      <c r="C22" s="22">
        <v>3</v>
      </c>
      <c r="D22" s="70" t="s">
        <v>102</v>
      </c>
      <c r="E22" s="23">
        <v>1770</v>
      </c>
      <c r="F22" s="23">
        <v>150</v>
      </c>
      <c r="G22" s="23">
        <v>905</v>
      </c>
      <c r="H22" s="23">
        <v>679</v>
      </c>
      <c r="I22" s="23">
        <v>411</v>
      </c>
      <c r="J22" s="23">
        <v>36</v>
      </c>
      <c r="K22" s="31">
        <v>8.6999999999999993</v>
      </c>
      <c r="L22" s="31">
        <v>52.2</v>
      </c>
      <c r="M22" s="31">
        <v>39.200000000000003</v>
      </c>
      <c r="N22" s="32">
        <v>23.7</v>
      </c>
    </row>
    <row r="23" spans="1:14" ht="18.75">
      <c r="A23" s="14" t="s">
        <v>0</v>
      </c>
      <c r="B23" s="14" t="s">
        <v>6</v>
      </c>
      <c r="C23" s="15">
        <v>1</v>
      </c>
      <c r="D23" s="68" t="s">
        <v>100</v>
      </c>
      <c r="E23" s="16">
        <v>5909</v>
      </c>
      <c r="F23" s="16">
        <v>516</v>
      </c>
      <c r="G23" s="16">
        <v>3204</v>
      </c>
      <c r="H23" s="16">
        <v>2009</v>
      </c>
      <c r="I23" s="16">
        <v>1118</v>
      </c>
      <c r="J23" s="16">
        <v>180</v>
      </c>
      <c r="K23" s="20">
        <v>9</v>
      </c>
      <c r="L23" s="20">
        <v>55.9</v>
      </c>
      <c r="M23" s="20">
        <v>35.1</v>
      </c>
      <c r="N23" s="20">
        <v>19.5</v>
      </c>
    </row>
    <row r="24" spans="1:14" ht="18.75">
      <c r="A24" s="17" t="s">
        <v>0</v>
      </c>
      <c r="B24" s="17" t="s">
        <v>6</v>
      </c>
      <c r="C24" s="18">
        <v>2</v>
      </c>
      <c r="D24" s="69" t="s">
        <v>101</v>
      </c>
      <c r="E24" s="19">
        <v>2886</v>
      </c>
      <c r="F24" s="19">
        <v>263</v>
      </c>
      <c r="G24" s="19">
        <v>1681</v>
      </c>
      <c r="H24" s="19">
        <v>835</v>
      </c>
      <c r="I24" s="19">
        <v>420</v>
      </c>
      <c r="J24" s="19">
        <v>107</v>
      </c>
      <c r="K24" s="20">
        <v>9.5</v>
      </c>
      <c r="L24" s="29">
        <v>60.5</v>
      </c>
      <c r="M24" s="29">
        <v>30</v>
      </c>
      <c r="N24" s="30">
        <v>15.1</v>
      </c>
    </row>
    <row r="25" spans="1:14" ht="18.75">
      <c r="A25" s="21" t="s">
        <v>0</v>
      </c>
      <c r="B25" s="21" t="s">
        <v>6</v>
      </c>
      <c r="C25" s="22">
        <v>3</v>
      </c>
      <c r="D25" s="70" t="s">
        <v>102</v>
      </c>
      <c r="E25" s="23">
        <v>3023</v>
      </c>
      <c r="F25" s="23">
        <v>253</v>
      </c>
      <c r="G25" s="23">
        <v>1523</v>
      </c>
      <c r="H25" s="23">
        <v>1174</v>
      </c>
      <c r="I25" s="23">
        <v>698</v>
      </c>
      <c r="J25" s="23">
        <v>73</v>
      </c>
      <c r="K25" s="31">
        <v>8.6</v>
      </c>
      <c r="L25" s="31">
        <v>51.6</v>
      </c>
      <c r="M25" s="31">
        <v>39.799999999999997</v>
      </c>
      <c r="N25" s="32">
        <v>23.7</v>
      </c>
    </row>
    <row r="26" spans="1:14" ht="18.75">
      <c r="A26" s="14" t="s">
        <v>0</v>
      </c>
      <c r="B26" s="14" t="s">
        <v>8</v>
      </c>
      <c r="C26" s="15">
        <v>1</v>
      </c>
      <c r="D26" s="68" t="s">
        <v>100</v>
      </c>
      <c r="E26" s="16">
        <v>3976</v>
      </c>
      <c r="F26" s="16">
        <v>392</v>
      </c>
      <c r="G26" s="16">
        <v>2110</v>
      </c>
      <c r="H26" s="16">
        <v>1396</v>
      </c>
      <c r="I26" s="16">
        <v>756</v>
      </c>
      <c r="J26" s="16">
        <v>78</v>
      </c>
      <c r="K26" s="20">
        <v>10.1</v>
      </c>
      <c r="L26" s="20">
        <v>54.1</v>
      </c>
      <c r="M26" s="20">
        <v>35.799999999999997</v>
      </c>
      <c r="N26" s="20">
        <v>19.399999999999999</v>
      </c>
    </row>
    <row r="27" spans="1:14" ht="18.75">
      <c r="A27" s="17" t="s">
        <v>0</v>
      </c>
      <c r="B27" s="17" t="s">
        <v>8</v>
      </c>
      <c r="C27" s="18">
        <v>2</v>
      </c>
      <c r="D27" s="69" t="s">
        <v>101</v>
      </c>
      <c r="E27" s="19">
        <v>1966</v>
      </c>
      <c r="F27" s="19">
        <v>224</v>
      </c>
      <c r="G27" s="19">
        <v>1066</v>
      </c>
      <c r="H27" s="19">
        <v>627</v>
      </c>
      <c r="I27" s="19">
        <v>303</v>
      </c>
      <c r="J27" s="19">
        <v>49</v>
      </c>
      <c r="K27" s="20">
        <v>11.7</v>
      </c>
      <c r="L27" s="29">
        <v>55.6</v>
      </c>
      <c r="M27" s="29">
        <v>32.700000000000003</v>
      </c>
      <c r="N27" s="30">
        <v>15.8</v>
      </c>
    </row>
    <row r="28" spans="1:14" ht="18.75">
      <c r="A28" s="21" t="s">
        <v>0</v>
      </c>
      <c r="B28" s="21" t="s">
        <v>8</v>
      </c>
      <c r="C28" s="22">
        <v>3</v>
      </c>
      <c r="D28" s="70" t="s">
        <v>102</v>
      </c>
      <c r="E28" s="23">
        <v>2010</v>
      </c>
      <c r="F28" s="23">
        <v>168</v>
      </c>
      <c r="G28" s="23">
        <v>1044</v>
      </c>
      <c r="H28" s="23">
        <v>769</v>
      </c>
      <c r="I28" s="23">
        <v>453</v>
      </c>
      <c r="J28" s="23">
        <v>29</v>
      </c>
      <c r="K28" s="31">
        <v>8.5</v>
      </c>
      <c r="L28" s="31">
        <v>52.7</v>
      </c>
      <c r="M28" s="31">
        <v>38.799999999999997</v>
      </c>
      <c r="N28" s="32">
        <v>22.9</v>
      </c>
    </row>
    <row r="29" spans="1:14" ht="18.75">
      <c r="A29" s="14" t="s">
        <v>0</v>
      </c>
      <c r="B29" s="14" t="s">
        <v>2</v>
      </c>
      <c r="C29" s="15">
        <v>1</v>
      </c>
      <c r="D29" s="68" t="s">
        <v>100</v>
      </c>
      <c r="E29" s="16">
        <v>2451</v>
      </c>
      <c r="F29" s="16">
        <v>201</v>
      </c>
      <c r="G29" s="16">
        <v>1317</v>
      </c>
      <c r="H29" s="16">
        <v>861</v>
      </c>
      <c r="I29" s="16">
        <v>461</v>
      </c>
      <c r="J29" s="16">
        <v>72</v>
      </c>
      <c r="K29" s="20">
        <v>8.4</v>
      </c>
      <c r="L29" s="20">
        <v>55.4</v>
      </c>
      <c r="M29" s="20">
        <v>36.200000000000003</v>
      </c>
      <c r="N29" s="20">
        <v>19.399999999999999</v>
      </c>
    </row>
    <row r="30" spans="1:14" ht="18.75">
      <c r="A30" s="17" t="s">
        <v>0</v>
      </c>
      <c r="B30" s="17" t="s">
        <v>2</v>
      </c>
      <c r="C30" s="18">
        <v>2</v>
      </c>
      <c r="D30" s="69" t="s">
        <v>101</v>
      </c>
      <c r="E30" s="19">
        <v>1240</v>
      </c>
      <c r="F30" s="19">
        <v>106</v>
      </c>
      <c r="G30" s="19">
        <v>694</v>
      </c>
      <c r="H30" s="19">
        <v>388</v>
      </c>
      <c r="I30" s="19">
        <v>189</v>
      </c>
      <c r="J30" s="19">
        <v>52</v>
      </c>
      <c r="K30" s="20">
        <v>8.9</v>
      </c>
      <c r="L30" s="29">
        <v>58.4</v>
      </c>
      <c r="M30" s="29">
        <v>32.700000000000003</v>
      </c>
      <c r="N30" s="30">
        <v>15.9</v>
      </c>
    </row>
    <row r="31" spans="1:14" ht="18.75">
      <c r="A31" s="21" t="s">
        <v>0</v>
      </c>
      <c r="B31" s="21" t="s">
        <v>2</v>
      </c>
      <c r="C31" s="22">
        <v>3</v>
      </c>
      <c r="D31" s="70" t="s">
        <v>102</v>
      </c>
      <c r="E31" s="23">
        <v>1211</v>
      </c>
      <c r="F31" s="23">
        <v>95</v>
      </c>
      <c r="G31" s="23">
        <v>623</v>
      </c>
      <c r="H31" s="23">
        <v>473</v>
      </c>
      <c r="I31" s="23">
        <v>272</v>
      </c>
      <c r="J31" s="23">
        <v>20</v>
      </c>
      <c r="K31" s="31">
        <v>8</v>
      </c>
      <c r="L31" s="31">
        <v>52.3</v>
      </c>
      <c r="M31" s="31">
        <v>39.700000000000003</v>
      </c>
      <c r="N31" s="32">
        <v>22.8</v>
      </c>
    </row>
    <row r="32" spans="1:14" ht="18.75">
      <c r="A32" s="14" t="s">
        <v>0</v>
      </c>
      <c r="B32" s="14" t="s">
        <v>4</v>
      </c>
      <c r="C32" s="15">
        <v>1</v>
      </c>
      <c r="D32" s="68" t="s">
        <v>100</v>
      </c>
      <c r="E32" s="16">
        <v>6245</v>
      </c>
      <c r="F32" s="16">
        <v>755</v>
      </c>
      <c r="G32" s="16">
        <v>3475</v>
      </c>
      <c r="H32" s="16">
        <v>1810</v>
      </c>
      <c r="I32" s="16">
        <v>1012</v>
      </c>
      <c r="J32" s="16">
        <v>205</v>
      </c>
      <c r="K32" s="20">
        <v>12.5</v>
      </c>
      <c r="L32" s="20">
        <v>57.5</v>
      </c>
      <c r="M32" s="20">
        <v>30</v>
      </c>
      <c r="N32" s="20">
        <v>16.8</v>
      </c>
    </row>
    <row r="33" spans="1:14" ht="18.75">
      <c r="A33" s="17" t="s">
        <v>0</v>
      </c>
      <c r="B33" s="17" t="s">
        <v>4</v>
      </c>
      <c r="C33" s="18">
        <v>2</v>
      </c>
      <c r="D33" s="69" t="s">
        <v>101</v>
      </c>
      <c r="E33" s="19">
        <v>3020</v>
      </c>
      <c r="F33" s="19">
        <v>381</v>
      </c>
      <c r="G33" s="19">
        <v>1785</v>
      </c>
      <c r="H33" s="19">
        <v>735</v>
      </c>
      <c r="I33" s="19">
        <v>376</v>
      </c>
      <c r="J33" s="19">
        <v>119</v>
      </c>
      <c r="K33" s="20">
        <v>13.1</v>
      </c>
      <c r="L33" s="29">
        <v>61.5</v>
      </c>
      <c r="M33" s="29">
        <v>25.3</v>
      </c>
      <c r="N33" s="30">
        <v>13</v>
      </c>
    </row>
    <row r="34" spans="1:14" ht="18.75">
      <c r="A34" s="21" t="s">
        <v>0</v>
      </c>
      <c r="B34" s="21" t="s">
        <v>4</v>
      </c>
      <c r="C34" s="22">
        <v>3</v>
      </c>
      <c r="D34" s="70" t="s">
        <v>102</v>
      </c>
      <c r="E34" s="23">
        <v>3225</v>
      </c>
      <c r="F34" s="23">
        <v>374</v>
      </c>
      <c r="G34" s="23">
        <v>1690</v>
      </c>
      <c r="H34" s="23">
        <v>1075</v>
      </c>
      <c r="I34" s="23">
        <v>636</v>
      </c>
      <c r="J34" s="23">
        <v>86</v>
      </c>
      <c r="K34" s="31">
        <v>11.9</v>
      </c>
      <c r="L34" s="31">
        <v>53.8</v>
      </c>
      <c r="M34" s="31">
        <v>34.200000000000003</v>
      </c>
      <c r="N34" s="32">
        <v>20.3</v>
      </c>
    </row>
    <row r="35" spans="1:14" ht="18.75">
      <c r="A35" s="14" t="s">
        <v>0</v>
      </c>
      <c r="B35" s="14" t="s">
        <v>3</v>
      </c>
      <c r="C35" s="15">
        <v>1</v>
      </c>
      <c r="D35" s="68" t="s">
        <v>100</v>
      </c>
      <c r="E35" s="16">
        <v>11956</v>
      </c>
      <c r="F35" s="16">
        <v>1385</v>
      </c>
      <c r="G35" s="16">
        <v>6782</v>
      </c>
      <c r="H35" s="16">
        <v>3582</v>
      </c>
      <c r="I35" s="16">
        <v>2132</v>
      </c>
      <c r="J35" s="16">
        <v>207</v>
      </c>
      <c r="K35" s="20">
        <v>11.8</v>
      </c>
      <c r="L35" s="20">
        <v>57.7</v>
      </c>
      <c r="M35" s="20">
        <v>30.5</v>
      </c>
      <c r="N35" s="20">
        <v>18.100000000000001</v>
      </c>
    </row>
    <row r="36" spans="1:14" ht="18.75">
      <c r="A36" s="17" t="s">
        <v>0</v>
      </c>
      <c r="B36" s="17" t="s">
        <v>3</v>
      </c>
      <c r="C36" s="18">
        <v>2</v>
      </c>
      <c r="D36" s="69" t="s">
        <v>101</v>
      </c>
      <c r="E36" s="19">
        <v>5637</v>
      </c>
      <c r="F36" s="19">
        <v>724</v>
      </c>
      <c r="G36" s="19">
        <v>3362</v>
      </c>
      <c r="H36" s="19">
        <v>1420</v>
      </c>
      <c r="I36" s="19">
        <v>721</v>
      </c>
      <c r="J36" s="19">
        <v>131</v>
      </c>
      <c r="K36" s="20">
        <v>13.1</v>
      </c>
      <c r="L36" s="29">
        <v>61.1</v>
      </c>
      <c r="M36" s="29">
        <v>25.8</v>
      </c>
      <c r="N36" s="30">
        <v>13.1</v>
      </c>
    </row>
    <row r="37" spans="1:14" ht="18.75">
      <c r="A37" s="21" t="s">
        <v>0</v>
      </c>
      <c r="B37" s="21" t="s">
        <v>3</v>
      </c>
      <c r="C37" s="22">
        <v>3</v>
      </c>
      <c r="D37" s="70" t="s">
        <v>102</v>
      </c>
      <c r="E37" s="23">
        <v>6319</v>
      </c>
      <c r="F37" s="23">
        <v>661</v>
      </c>
      <c r="G37" s="23">
        <v>3420</v>
      </c>
      <c r="H37" s="23">
        <v>2162</v>
      </c>
      <c r="I37" s="23">
        <v>1411</v>
      </c>
      <c r="J37" s="23">
        <v>76</v>
      </c>
      <c r="K37" s="31">
        <v>10.6</v>
      </c>
      <c r="L37" s="31">
        <v>54.8</v>
      </c>
      <c r="M37" s="31">
        <v>34.6</v>
      </c>
      <c r="N37" s="32">
        <v>22.6</v>
      </c>
    </row>
    <row r="38" spans="1:14" ht="18.75">
      <c r="A38" s="14" t="s">
        <v>0</v>
      </c>
      <c r="B38" s="14" t="s">
        <v>11</v>
      </c>
      <c r="C38" s="15">
        <v>1</v>
      </c>
      <c r="D38" s="68" t="s">
        <v>100</v>
      </c>
      <c r="E38" s="16">
        <v>15248</v>
      </c>
      <c r="F38" s="16">
        <v>2045</v>
      </c>
      <c r="G38" s="16">
        <v>8961</v>
      </c>
      <c r="H38" s="16">
        <v>3938</v>
      </c>
      <c r="I38" s="16">
        <v>2055</v>
      </c>
      <c r="J38" s="16">
        <v>304</v>
      </c>
      <c r="K38" s="20">
        <v>13.7</v>
      </c>
      <c r="L38" s="20">
        <v>60</v>
      </c>
      <c r="M38" s="20">
        <v>26.4</v>
      </c>
      <c r="N38" s="20">
        <v>13.8</v>
      </c>
    </row>
    <row r="39" spans="1:14" ht="18.75">
      <c r="A39" s="17" t="s">
        <v>0</v>
      </c>
      <c r="B39" s="17" t="s">
        <v>11</v>
      </c>
      <c r="C39" s="18">
        <v>2</v>
      </c>
      <c r="D39" s="69" t="s">
        <v>101</v>
      </c>
      <c r="E39" s="19">
        <v>7443</v>
      </c>
      <c r="F39" s="19">
        <v>1038</v>
      </c>
      <c r="G39" s="19">
        <v>4511</v>
      </c>
      <c r="H39" s="19">
        <v>1711</v>
      </c>
      <c r="I39" s="19">
        <v>824</v>
      </c>
      <c r="J39" s="19">
        <v>183</v>
      </c>
      <c r="K39" s="20">
        <v>14.3</v>
      </c>
      <c r="L39" s="29">
        <v>62.1</v>
      </c>
      <c r="M39" s="29">
        <v>23.6</v>
      </c>
      <c r="N39" s="30">
        <v>11.3</v>
      </c>
    </row>
    <row r="40" spans="1:14" ht="18.75">
      <c r="A40" s="21" t="s">
        <v>0</v>
      </c>
      <c r="B40" s="21" t="s">
        <v>11</v>
      </c>
      <c r="C40" s="22">
        <v>3</v>
      </c>
      <c r="D40" s="70" t="s">
        <v>102</v>
      </c>
      <c r="E40" s="23">
        <v>7805</v>
      </c>
      <c r="F40" s="23">
        <v>1007</v>
      </c>
      <c r="G40" s="23">
        <v>4450</v>
      </c>
      <c r="H40" s="23">
        <v>2227</v>
      </c>
      <c r="I40" s="23">
        <v>1231</v>
      </c>
      <c r="J40" s="23">
        <v>121</v>
      </c>
      <c r="K40" s="31">
        <v>13.1</v>
      </c>
      <c r="L40" s="31">
        <v>57.9</v>
      </c>
      <c r="M40" s="31">
        <v>29</v>
      </c>
      <c r="N40" s="32">
        <v>16</v>
      </c>
    </row>
    <row r="41" spans="1:14" ht="18.75">
      <c r="A41" s="14" t="s">
        <v>0</v>
      </c>
      <c r="B41" s="14" t="s">
        <v>9</v>
      </c>
      <c r="C41" s="15">
        <v>1</v>
      </c>
      <c r="D41" s="68" t="s">
        <v>100</v>
      </c>
      <c r="E41" s="16">
        <v>8391</v>
      </c>
      <c r="F41" s="16">
        <v>787</v>
      </c>
      <c r="G41" s="16">
        <v>4670</v>
      </c>
      <c r="H41" s="16">
        <v>2666</v>
      </c>
      <c r="I41" s="16">
        <v>1483</v>
      </c>
      <c r="J41" s="16">
        <v>268</v>
      </c>
      <c r="K41" s="20">
        <v>9.6999999999999993</v>
      </c>
      <c r="L41" s="20">
        <v>57.5</v>
      </c>
      <c r="M41" s="20">
        <v>32.799999999999997</v>
      </c>
      <c r="N41" s="20">
        <v>18.3</v>
      </c>
    </row>
    <row r="42" spans="1:14" ht="18.75">
      <c r="A42" s="17" t="s">
        <v>0</v>
      </c>
      <c r="B42" s="17" t="s">
        <v>9</v>
      </c>
      <c r="C42" s="18">
        <v>2</v>
      </c>
      <c r="D42" s="69" t="s">
        <v>101</v>
      </c>
      <c r="E42" s="19">
        <v>4132</v>
      </c>
      <c r="F42" s="19">
        <v>379</v>
      </c>
      <c r="G42" s="19">
        <v>2459</v>
      </c>
      <c r="H42" s="19">
        <v>1123</v>
      </c>
      <c r="I42" s="19">
        <v>580</v>
      </c>
      <c r="J42" s="19">
        <v>171</v>
      </c>
      <c r="K42" s="20">
        <v>9.6</v>
      </c>
      <c r="L42" s="29">
        <v>62.1</v>
      </c>
      <c r="M42" s="29">
        <v>28.4</v>
      </c>
      <c r="N42" s="30">
        <v>14.6</v>
      </c>
    </row>
    <row r="43" spans="1:14" ht="18.75">
      <c r="A43" s="21" t="s">
        <v>0</v>
      </c>
      <c r="B43" s="21" t="s">
        <v>9</v>
      </c>
      <c r="C43" s="22">
        <v>3</v>
      </c>
      <c r="D43" s="70" t="s">
        <v>102</v>
      </c>
      <c r="E43" s="23">
        <v>4259</v>
      </c>
      <c r="F43" s="23">
        <v>408</v>
      </c>
      <c r="G43" s="23">
        <v>2211</v>
      </c>
      <c r="H43" s="23">
        <v>1543</v>
      </c>
      <c r="I43" s="23">
        <v>903</v>
      </c>
      <c r="J43" s="23">
        <v>97</v>
      </c>
      <c r="K43" s="31">
        <v>9.8000000000000007</v>
      </c>
      <c r="L43" s="31">
        <v>53.1</v>
      </c>
      <c r="M43" s="31">
        <v>37.1</v>
      </c>
      <c r="N43" s="32">
        <v>21.7</v>
      </c>
    </row>
    <row r="44" spans="1:14" ht="18.75">
      <c r="A44" s="14" t="s">
        <v>0</v>
      </c>
      <c r="B44" s="14" t="s">
        <v>15</v>
      </c>
      <c r="C44" s="15">
        <v>1</v>
      </c>
      <c r="D44" s="68" t="s">
        <v>100</v>
      </c>
      <c r="E44" s="16">
        <v>10676</v>
      </c>
      <c r="F44" s="16">
        <v>1194</v>
      </c>
      <c r="G44" s="16">
        <v>6196</v>
      </c>
      <c r="H44" s="16">
        <v>3010</v>
      </c>
      <c r="I44" s="16">
        <v>1616</v>
      </c>
      <c r="J44" s="16">
        <v>276</v>
      </c>
      <c r="K44" s="20">
        <v>11.5</v>
      </c>
      <c r="L44" s="20">
        <v>59.6</v>
      </c>
      <c r="M44" s="20">
        <v>28.9</v>
      </c>
      <c r="N44" s="20">
        <v>15.5</v>
      </c>
    </row>
    <row r="45" spans="1:14" ht="18.75">
      <c r="A45" s="17" t="s">
        <v>0</v>
      </c>
      <c r="B45" s="17" t="s">
        <v>15</v>
      </c>
      <c r="C45" s="18">
        <v>2</v>
      </c>
      <c r="D45" s="69" t="s">
        <v>101</v>
      </c>
      <c r="E45" s="19">
        <v>5379</v>
      </c>
      <c r="F45" s="19">
        <v>630</v>
      </c>
      <c r="G45" s="19">
        <v>3302</v>
      </c>
      <c r="H45" s="19">
        <v>1265</v>
      </c>
      <c r="I45" s="19">
        <v>640</v>
      </c>
      <c r="J45" s="19">
        <v>182</v>
      </c>
      <c r="K45" s="20">
        <v>12.1</v>
      </c>
      <c r="L45" s="29">
        <v>63.5</v>
      </c>
      <c r="M45" s="29">
        <v>24.3</v>
      </c>
      <c r="N45" s="30">
        <v>12.3</v>
      </c>
    </row>
    <row r="46" spans="1:14" ht="18.75">
      <c r="A46" s="21" t="s">
        <v>0</v>
      </c>
      <c r="B46" s="21" t="s">
        <v>15</v>
      </c>
      <c r="C46" s="22">
        <v>3</v>
      </c>
      <c r="D46" s="70" t="s">
        <v>102</v>
      </c>
      <c r="E46" s="23">
        <v>5297</v>
      </c>
      <c r="F46" s="23">
        <v>564</v>
      </c>
      <c r="G46" s="23">
        <v>2894</v>
      </c>
      <c r="H46" s="23">
        <v>1745</v>
      </c>
      <c r="I46" s="23">
        <v>976</v>
      </c>
      <c r="J46" s="23">
        <v>94</v>
      </c>
      <c r="K46" s="31">
        <v>10.8</v>
      </c>
      <c r="L46" s="31">
        <v>55.6</v>
      </c>
      <c r="M46" s="31">
        <v>33.5</v>
      </c>
      <c r="N46" s="32">
        <v>18.8</v>
      </c>
    </row>
    <row r="47" spans="1:14" ht="18.75">
      <c r="A47" s="14" t="s">
        <v>0</v>
      </c>
      <c r="B47" s="14" t="s">
        <v>16</v>
      </c>
      <c r="C47" s="15">
        <v>1</v>
      </c>
      <c r="D47" s="68" t="s">
        <v>100</v>
      </c>
      <c r="E47" s="16">
        <v>8141</v>
      </c>
      <c r="F47" s="16">
        <v>938</v>
      </c>
      <c r="G47" s="16">
        <v>4393</v>
      </c>
      <c r="H47" s="16">
        <v>2645</v>
      </c>
      <c r="I47" s="16">
        <v>1546</v>
      </c>
      <c r="J47" s="16">
        <v>165</v>
      </c>
      <c r="K47" s="20">
        <v>11.8</v>
      </c>
      <c r="L47" s="20">
        <v>55.1</v>
      </c>
      <c r="M47" s="20">
        <v>33.200000000000003</v>
      </c>
      <c r="N47" s="20">
        <v>19.399999999999999</v>
      </c>
    </row>
    <row r="48" spans="1:14" ht="18.75">
      <c r="A48" s="17" t="s">
        <v>0</v>
      </c>
      <c r="B48" s="17" t="s">
        <v>16</v>
      </c>
      <c r="C48" s="18">
        <v>2</v>
      </c>
      <c r="D48" s="69" t="s">
        <v>101</v>
      </c>
      <c r="E48" s="19">
        <v>3879</v>
      </c>
      <c r="F48" s="19">
        <v>490</v>
      </c>
      <c r="G48" s="19">
        <v>2219</v>
      </c>
      <c r="H48" s="19">
        <v>1065</v>
      </c>
      <c r="I48" s="19">
        <v>573</v>
      </c>
      <c r="J48" s="19">
        <v>105</v>
      </c>
      <c r="K48" s="20">
        <v>13</v>
      </c>
      <c r="L48" s="29">
        <v>58.8</v>
      </c>
      <c r="M48" s="29">
        <v>28.2</v>
      </c>
      <c r="N48" s="30">
        <v>15.2</v>
      </c>
    </row>
    <row r="49" spans="1:14" ht="18.75">
      <c r="A49" s="21" t="s">
        <v>0</v>
      </c>
      <c r="B49" s="21" t="s">
        <v>16</v>
      </c>
      <c r="C49" s="22">
        <v>3</v>
      </c>
      <c r="D49" s="70" t="s">
        <v>102</v>
      </c>
      <c r="E49" s="23">
        <v>4262</v>
      </c>
      <c r="F49" s="23">
        <v>448</v>
      </c>
      <c r="G49" s="23">
        <v>2174</v>
      </c>
      <c r="H49" s="23">
        <v>1580</v>
      </c>
      <c r="I49" s="23">
        <v>973</v>
      </c>
      <c r="J49" s="23">
        <v>60</v>
      </c>
      <c r="K49" s="31">
        <v>10.7</v>
      </c>
      <c r="L49" s="31">
        <v>51.7</v>
      </c>
      <c r="M49" s="31">
        <v>37.6</v>
      </c>
      <c r="N49" s="32">
        <v>23.2</v>
      </c>
    </row>
    <row r="50" spans="1:14" ht="18.75">
      <c r="A50" s="14" t="s">
        <v>0</v>
      </c>
      <c r="B50" s="14" t="s">
        <v>14</v>
      </c>
      <c r="C50" s="15">
        <v>1</v>
      </c>
      <c r="D50" s="68" t="s">
        <v>100</v>
      </c>
      <c r="E50" s="16">
        <v>5604</v>
      </c>
      <c r="F50" s="16">
        <v>720</v>
      </c>
      <c r="G50" s="16">
        <v>3242</v>
      </c>
      <c r="H50" s="16">
        <v>1499</v>
      </c>
      <c r="I50" s="16">
        <v>779</v>
      </c>
      <c r="J50" s="16">
        <v>143</v>
      </c>
      <c r="K50" s="20">
        <v>13.2</v>
      </c>
      <c r="L50" s="20">
        <v>59.4</v>
      </c>
      <c r="M50" s="20">
        <v>27.4</v>
      </c>
      <c r="N50" s="20">
        <v>14.3</v>
      </c>
    </row>
    <row r="51" spans="1:14" ht="18.75">
      <c r="A51" s="17" t="s">
        <v>0</v>
      </c>
      <c r="B51" s="17" t="s">
        <v>14</v>
      </c>
      <c r="C51" s="18">
        <v>2</v>
      </c>
      <c r="D51" s="69" t="s">
        <v>101</v>
      </c>
      <c r="E51" s="19">
        <v>2777</v>
      </c>
      <c r="F51" s="19">
        <v>368</v>
      </c>
      <c r="G51" s="19">
        <v>1671</v>
      </c>
      <c r="H51" s="19">
        <v>645</v>
      </c>
      <c r="I51" s="19">
        <v>309</v>
      </c>
      <c r="J51" s="19">
        <v>93</v>
      </c>
      <c r="K51" s="20">
        <v>13.7</v>
      </c>
      <c r="L51" s="29">
        <v>62.3</v>
      </c>
      <c r="M51" s="29">
        <v>24</v>
      </c>
      <c r="N51" s="30">
        <v>11.5</v>
      </c>
    </row>
    <row r="52" spans="1:14" ht="18.75">
      <c r="A52" s="21" t="s">
        <v>0</v>
      </c>
      <c r="B52" s="21" t="s">
        <v>14</v>
      </c>
      <c r="C52" s="22">
        <v>3</v>
      </c>
      <c r="D52" s="70" t="s">
        <v>102</v>
      </c>
      <c r="E52" s="23">
        <v>2827</v>
      </c>
      <c r="F52" s="23">
        <v>352</v>
      </c>
      <c r="G52" s="23">
        <v>1571</v>
      </c>
      <c r="H52" s="23">
        <v>854</v>
      </c>
      <c r="I52" s="23">
        <v>470</v>
      </c>
      <c r="J52" s="23">
        <v>50</v>
      </c>
      <c r="K52" s="31">
        <v>12.7</v>
      </c>
      <c r="L52" s="31">
        <v>56.6</v>
      </c>
      <c r="M52" s="31">
        <v>30.8</v>
      </c>
      <c r="N52" s="32">
        <v>16.899999999999999</v>
      </c>
    </row>
    <row r="53" spans="1:14" ht="18.75">
      <c r="A53" s="14" t="s">
        <v>0</v>
      </c>
      <c r="B53" s="14" t="s">
        <v>13</v>
      </c>
      <c r="C53" s="15">
        <v>1</v>
      </c>
      <c r="D53" s="68" t="s">
        <v>100</v>
      </c>
      <c r="E53" s="16">
        <v>13185</v>
      </c>
      <c r="F53" s="16">
        <v>992</v>
      </c>
      <c r="G53" s="16">
        <v>9101</v>
      </c>
      <c r="H53" s="16">
        <v>2272</v>
      </c>
      <c r="I53" s="16">
        <v>1092</v>
      </c>
      <c r="J53" s="16">
        <v>820</v>
      </c>
      <c r="K53" s="20">
        <v>8</v>
      </c>
      <c r="L53" s="20">
        <v>73.599999999999994</v>
      </c>
      <c r="M53" s="20">
        <v>18.399999999999999</v>
      </c>
      <c r="N53" s="20">
        <v>8.8000000000000007</v>
      </c>
    </row>
    <row r="54" spans="1:14" ht="18.75">
      <c r="A54" s="17" t="s">
        <v>0</v>
      </c>
      <c r="B54" s="17" t="s">
        <v>13</v>
      </c>
      <c r="C54" s="18">
        <v>2</v>
      </c>
      <c r="D54" s="69" t="s">
        <v>101</v>
      </c>
      <c r="E54" s="19">
        <v>7407</v>
      </c>
      <c r="F54" s="19">
        <v>492</v>
      </c>
      <c r="G54" s="19">
        <v>5376</v>
      </c>
      <c r="H54" s="19">
        <v>1006</v>
      </c>
      <c r="I54" s="19">
        <v>436</v>
      </c>
      <c r="J54" s="19">
        <v>533</v>
      </c>
      <c r="K54" s="20">
        <v>7.2</v>
      </c>
      <c r="L54" s="29">
        <v>78.2</v>
      </c>
      <c r="M54" s="29">
        <v>14.6</v>
      </c>
      <c r="N54" s="30">
        <v>6.3</v>
      </c>
    </row>
    <row r="55" spans="1:14" ht="18.75">
      <c r="A55" s="21" t="s">
        <v>0</v>
      </c>
      <c r="B55" s="21" t="s">
        <v>13</v>
      </c>
      <c r="C55" s="22">
        <v>3</v>
      </c>
      <c r="D55" s="70" t="s">
        <v>102</v>
      </c>
      <c r="E55" s="23">
        <v>5778</v>
      </c>
      <c r="F55" s="23">
        <v>500</v>
      </c>
      <c r="G55" s="23">
        <v>3725</v>
      </c>
      <c r="H55" s="23">
        <v>1266</v>
      </c>
      <c r="I55" s="23">
        <v>656</v>
      </c>
      <c r="J55" s="23">
        <v>287</v>
      </c>
      <c r="K55" s="31">
        <v>9.1</v>
      </c>
      <c r="L55" s="31">
        <v>67.8</v>
      </c>
      <c r="M55" s="31">
        <v>23.1</v>
      </c>
      <c r="N55" s="32">
        <v>11.9</v>
      </c>
    </row>
    <row r="56" spans="1:14" ht="18.75">
      <c r="A56" s="14" t="s">
        <v>0</v>
      </c>
      <c r="B56" s="14" t="s">
        <v>12</v>
      </c>
      <c r="C56" s="15">
        <v>1</v>
      </c>
      <c r="D56" s="68" t="s">
        <v>100</v>
      </c>
      <c r="E56" s="16">
        <v>4218</v>
      </c>
      <c r="F56" s="16">
        <v>497</v>
      </c>
      <c r="G56" s="16">
        <v>2465</v>
      </c>
      <c r="H56" s="16">
        <v>1180</v>
      </c>
      <c r="I56" s="16">
        <v>597</v>
      </c>
      <c r="J56" s="16">
        <v>76</v>
      </c>
      <c r="K56" s="20">
        <v>12</v>
      </c>
      <c r="L56" s="20">
        <v>59.5</v>
      </c>
      <c r="M56" s="20">
        <v>28.5</v>
      </c>
      <c r="N56" s="20">
        <v>14.4</v>
      </c>
    </row>
    <row r="57" spans="1:14" ht="18.75">
      <c r="A57" s="17" t="s">
        <v>0</v>
      </c>
      <c r="B57" s="17" t="s">
        <v>12</v>
      </c>
      <c r="C57" s="18">
        <v>2</v>
      </c>
      <c r="D57" s="69" t="s">
        <v>101</v>
      </c>
      <c r="E57" s="19">
        <v>1997</v>
      </c>
      <c r="F57" s="19">
        <v>249</v>
      </c>
      <c r="G57" s="19">
        <v>1212</v>
      </c>
      <c r="H57" s="19">
        <v>492</v>
      </c>
      <c r="I57" s="19">
        <v>226</v>
      </c>
      <c r="J57" s="19">
        <v>44</v>
      </c>
      <c r="K57" s="20">
        <v>12.7</v>
      </c>
      <c r="L57" s="29">
        <v>62.1</v>
      </c>
      <c r="M57" s="29">
        <v>25.2</v>
      </c>
      <c r="N57" s="30">
        <v>11.6</v>
      </c>
    </row>
    <row r="58" spans="1:14" ht="18.75">
      <c r="A58" s="21" t="s">
        <v>0</v>
      </c>
      <c r="B58" s="21" t="s">
        <v>12</v>
      </c>
      <c r="C58" s="22">
        <v>3</v>
      </c>
      <c r="D58" s="70" t="s">
        <v>102</v>
      </c>
      <c r="E58" s="23">
        <v>2221</v>
      </c>
      <c r="F58" s="23">
        <v>248</v>
      </c>
      <c r="G58" s="23">
        <v>1253</v>
      </c>
      <c r="H58" s="23">
        <v>688</v>
      </c>
      <c r="I58" s="23">
        <v>371</v>
      </c>
      <c r="J58" s="23">
        <v>32</v>
      </c>
      <c r="K58" s="31">
        <v>11.3</v>
      </c>
      <c r="L58" s="31">
        <v>57.2</v>
      </c>
      <c r="M58" s="31">
        <v>31.4</v>
      </c>
      <c r="N58" s="32">
        <v>16.899999999999999</v>
      </c>
    </row>
    <row r="59" spans="1:14" ht="18.75">
      <c r="A59" s="14" t="s">
        <v>0</v>
      </c>
      <c r="B59" s="14" t="s">
        <v>38</v>
      </c>
      <c r="C59" s="15">
        <v>1</v>
      </c>
      <c r="D59" s="68" t="s">
        <v>100</v>
      </c>
      <c r="E59" s="16">
        <v>2998</v>
      </c>
      <c r="F59" s="16">
        <v>251</v>
      </c>
      <c r="G59" s="16">
        <v>1460</v>
      </c>
      <c r="H59" s="16">
        <v>1280</v>
      </c>
      <c r="I59" s="16">
        <v>689</v>
      </c>
      <c r="J59" s="16">
        <v>7</v>
      </c>
      <c r="K59" s="20">
        <v>8.4</v>
      </c>
      <c r="L59" s="20">
        <v>48.8</v>
      </c>
      <c r="M59" s="20">
        <v>42.8</v>
      </c>
      <c r="N59" s="20">
        <v>23</v>
      </c>
    </row>
    <row r="60" spans="1:14" ht="18.75">
      <c r="A60" s="17" t="s">
        <v>0</v>
      </c>
      <c r="B60" s="17" t="s">
        <v>38</v>
      </c>
      <c r="C60" s="18">
        <v>2</v>
      </c>
      <c r="D60" s="69" t="s">
        <v>101</v>
      </c>
      <c r="E60" s="19">
        <v>1424</v>
      </c>
      <c r="F60" s="19">
        <v>126</v>
      </c>
      <c r="G60" s="19">
        <v>777</v>
      </c>
      <c r="H60" s="19">
        <v>517</v>
      </c>
      <c r="I60" s="19">
        <v>251</v>
      </c>
      <c r="J60" s="19">
        <v>4</v>
      </c>
      <c r="K60" s="20">
        <v>8.9</v>
      </c>
      <c r="L60" s="29">
        <v>54.7</v>
      </c>
      <c r="M60" s="29">
        <v>36.4</v>
      </c>
      <c r="N60" s="30">
        <v>17.7</v>
      </c>
    </row>
    <row r="61" spans="1:14" ht="18.75">
      <c r="A61" s="21" t="s">
        <v>0</v>
      </c>
      <c r="B61" s="21" t="s">
        <v>38</v>
      </c>
      <c r="C61" s="22">
        <v>3</v>
      </c>
      <c r="D61" s="70" t="s">
        <v>102</v>
      </c>
      <c r="E61" s="23">
        <v>1574</v>
      </c>
      <c r="F61" s="23">
        <v>125</v>
      </c>
      <c r="G61" s="23">
        <v>683</v>
      </c>
      <c r="H61" s="23">
        <v>763</v>
      </c>
      <c r="I61" s="23">
        <v>438</v>
      </c>
      <c r="J61" s="23">
        <v>3</v>
      </c>
      <c r="K61" s="31">
        <v>8</v>
      </c>
      <c r="L61" s="31">
        <v>43.5</v>
      </c>
      <c r="M61" s="31">
        <v>48.6</v>
      </c>
      <c r="N61" s="32">
        <v>27.9</v>
      </c>
    </row>
    <row r="62" spans="1:14" ht="18.75">
      <c r="A62" s="14" t="s">
        <v>0</v>
      </c>
      <c r="B62" s="14" t="s">
        <v>18</v>
      </c>
      <c r="C62" s="15">
        <v>1</v>
      </c>
      <c r="D62" s="68" t="s">
        <v>100</v>
      </c>
      <c r="E62" s="16">
        <v>5616</v>
      </c>
      <c r="F62" s="16">
        <v>645</v>
      </c>
      <c r="G62" s="16">
        <v>3101</v>
      </c>
      <c r="H62" s="16">
        <v>1779</v>
      </c>
      <c r="I62" s="16">
        <v>877</v>
      </c>
      <c r="J62" s="16">
        <v>91</v>
      </c>
      <c r="K62" s="20">
        <v>11.7</v>
      </c>
      <c r="L62" s="20">
        <v>56.1</v>
      </c>
      <c r="M62" s="20">
        <v>32.200000000000003</v>
      </c>
      <c r="N62" s="20">
        <v>15.9</v>
      </c>
    </row>
    <row r="63" spans="1:14" ht="18.75">
      <c r="A63" s="17" t="s">
        <v>0</v>
      </c>
      <c r="B63" s="17" t="s">
        <v>18</v>
      </c>
      <c r="C63" s="18">
        <v>2</v>
      </c>
      <c r="D63" s="69" t="s">
        <v>101</v>
      </c>
      <c r="E63" s="19">
        <v>2758</v>
      </c>
      <c r="F63" s="19">
        <v>320</v>
      </c>
      <c r="G63" s="19">
        <v>1607</v>
      </c>
      <c r="H63" s="19">
        <v>771</v>
      </c>
      <c r="I63" s="19">
        <v>342</v>
      </c>
      <c r="J63" s="19">
        <v>60</v>
      </c>
      <c r="K63" s="20">
        <v>11.9</v>
      </c>
      <c r="L63" s="29">
        <v>59.6</v>
      </c>
      <c r="M63" s="29">
        <v>28.6</v>
      </c>
      <c r="N63" s="30">
        <v>12.7</v>
      </c>
    </row>
    <row r="64" spans="1:14" ht="18.75">
      <c r="A64" s="21" t="s">
        <v>0</v>
      </c>
      <c r="B64" s="21" t="s">
        <v>18</v>
      </c>
      <c r="C64" s="22">
        <v>3</v>
      </c>
      <c r="D64" s="70" t="s">
        <v>102</v>
      </c>
      <c r="E64" s="23">
        <v>2858</v>
      </c>
      <c r="F64" s="23">
        <v>325</v>
      </c>
      <c r="G64" s="23">
        <v>1494</v>
      </c>
      <c r="H64" s="23">
        <v>1008</v>
      </c>
      <c r="I64" s="23">
        <v>535</v>
      </c>
      <c r="J64" s="23">
        <v>31</v>
      </c>
      <c r="K64" s="31">
        <v>11.5</v>
      </c>
      <c r="L64" s="31">
        <v>52.8</v>
      </c>
      <c r="M64" s="31">
        <v>35.700000000000003</v>
      </c>
      <c r="N64" s="32">
        <v>18.899999999999999</v>
      </c>
    </row>
    <row r="65" spans="1:14" ht="18.75">
      <c r="A65" s="14" t="s">
        <v>0</v>
      </c>
      <c r="B65" s="14" t="s">
        <v>39</v>
      </c>
      <c r="C65" s="15">
        <v>1</v>
      </c>
      <c r="D65" s="68" t="s">
        <v>100</v>
      </c>
      <c r="E65" s="16">
        <v>7292</v>
      </c>
      <c r="F65" s="16">
        <v>803</v>
      </c>
      <c r="G65" s="16">
        <v>4211</v>
      </c>
      <c r="H65" s="16">
        <v>2260</v>
      </c>
      <c r="I65" s="16">
        <v>1038</v>
      </c>
      <c r="J65" s="16">
        <v>18</v>
      </c>
      <c r="K65" s="20">
        <v>11</v>
      </c>
      <c r="L65" s="20">
        <v>57.9</v>
      </c>
      <c r="M65" s="20">
        <v>31.1</v>
      </c>
      <c r="N65" s="20">
        <v>14.3</v>
      </c>
    </row>
    <row r="66" spans="1:14" ht="18.75">
      <c r="A66" s="17" t="s">
        <v>0</v>
      </c>
      <c r="B66" s="17" t="s">
        <v>39</v>
      </c>
      <c r="C66" s="18">
        <v>2</v>
      </c>
      <c r="D66" s="69" t="s">
        <v>101</v>
      </c>
      <c r="E66" s="19">
        <v>3630</v>
      </c>
      <c r="F66" s="19">
        <v>424</v>
      </c>
      <c r="G66" s="19">
        <v>2173</v>
      </c>
      <c r="H66" s="19">
        <v>1019</v>
      </c>
      <c r="I66" s="19">
        <v>435</v>
      </c>
      <c r="J66" s="19">
        <v>14</v>
      </c>
      <c r="K66" s="20">
        <v>11.7</v>
      </c>
      <c r="L66" s="29">
        <v>60.1</v>
      </c>
      <c r="M66" s="29">
        <v>28.2</v>
      </c>
      <c r="N66" s="30">
        <v>12</v>
      </c>
    </row>
    <row r="67" spans="1:14" ht="18.75">
      <c r="A67" s="21" t="s">
        <v>0</v>
      </c>
      <c r="B67" s="21" t="s">
        <v>39</v>
      </c>
      <c r="C67" s="22">
        <v>3</v>
      </c>
      <c r="D67" s="70" t="s">
        <v>102</v>
      </c>
      <c r="E67" s="23">
        <v>3662</v>
      </c>
      <c r="F67" s="23">
        <v>379</v>
      </c>
      <c r="G67" s="23">
        <v>2038</v>
      </c>
      <c r="H67" s="23">
        <v>1241</v>
      </c>
      <c r="I67" s="23">
        <v>603</v>
      </c>
      <c r="J67" s="23">
        <v>4</v>
      </c>
      <c r="K67" s="31">
        <v>10.4</v>
      </c>
      <c r="L67" s="31">
        <v>55.7</v>
      </c>
      <c r="M67" s="31">
        <v>33.9</v>
      </c>
      <c r="N67" s="32">
        <v>16.5</v>
      </c>
    </row>
    <row r="68" spans="1:14" ht="18.75">
      <c r="A68" s="14" t="s">
        <v>0</v>
      </c>
      <c r="B68" s="14" t="s">
        <v>41</v>
      </c>
      <c r="C68" s="15">
        <v>1</v>
      </c>
      <c r="D68" s="68" t="s">
        <v>100</v>
      </c>
      <c r="E68" s="16">
        <v>2462</v>
      </c>
      <c r="F68" s="16">
        <v>220</v>
      </c>
      <c r="G68" s="16">
        <v>1144</v>
      </c>
      <c r="H68" s="16">
        <v>1076</v>
      </c>
      <c r="I68" s="16">
        <v>558</v>
      </c>
      <c r="J68" s="16">
        <v>22</v>
      </c>
      <c r="K68" s="20">
        <v>9</v>
      </c>
      <c r="L68" s="20">
        <v>46.9</v>
      </c>
      <c r="M68" s="20">
        <v>44.1</v>
      </c>
      <c r="N68" s="20">
        <v>22.9</v>
      </c>
    </row>
    <row r="69" spans="1:14" ht="18.75">
      <c r="A69" s="17" t="s">
        <v>0</v>
      </c>
      <c r="B69" s="17" t="s">
        <v>41</v>
      </c>
      <c r="C69" s="18">
        <v>2</v>
      </c>
      <c r="D69" s="69" t="s">
        <v>101</v>
      </c>
      <c r="E69" s="19">
        <v>1141</v>
      </c>
      <c r="F69" s="19">
        <v>108</v>
      </c>
      <c r="G69" s="19">
        <v>576</v>
      </c>
      <c r="H69" s="19">
        <v>442</v>
      </c>
      <c r="I69" s="19">
        <v>198</v>
      </c>
      <c r="J69" s="19">
        <v>15</v>
      </c>
      <c r="K69" s="20">
        <v>9.6</v>
      </c>
      <c r="L69" s="29">
        <v>51.2</v>
      </c>
      <c r="M69" s="29">
        <v>39.299999999999997</v>
      </c>
      <c r="N69" s="30">
        <v>17.600000000000001</v>
      </c>
    </row>
    <row r="70" spans="1:14" ht="18.75">
      <c r="A70" s="21" t="s">
        <v>0</v>
      </c>
      <c r="B70" s="21" t="s">
        <v>41</v>
      </c>
      <c r="C70" s="22">
        <v>3</v>
      </c>
      <c r="D70" s="70" t="s">
        <v>102</v>
      </c>
      <c r="E70" s="23">
        <v>1321</v>
      </c>
      <c r="F70" s="23">
        <v>112</v>
      </c>
      <c r="G70" s="23">
        <v>568</v>
      </c>
      <c r="H70" s="23">
        <v>634</v>
      </c>
      <c r="I70" s="23">
        <v>360</v>
      </c>
      <c r="J70" s="23">
        <v>7</v>
      </c>
      <c r="K70" s="31">
        <v>8.5</v>
      </c>
      <c r="L70" s="31">
        <v>43.2</v>
      </c>
      <c r="M70" s="31">
        <v>48.2</v>
      </c>
      <c r="N70" s="32">
        <v>27.4</v>
      </c>
    </row>
    <row r="71" spans="1:14" ht="18.75">
      <c r="A71" s="14" t="s">
        <v>0</v>
      </c>
      <c r="B71" s="14" t="s">
        <v>40</v>
      </c>
      <c r="C71" s="15">
        <v>1</v>
      </c>
      <c r="D71" s="68" t="s">
        <v>100</v>
      </c>
      <c r="E71" s="16">
        <v>4286</v>
      </c>
      <c r="F71" s="16">
        <v>390</v>
      </c>
      <c r="G71" s="16">
        <v>2367</v>
      </c>
      <c r="H71" s="16">
        <v>1490</v>
      </c>
      <c r="I71" s="16">
        <v>841</v>
      </c>
      <c r="J71" s="16">
        <v>39</v>
      </c>
      <c r="K71" s="20">
        <v>9.1999999999999993</v>
      </c>
      <c r="L71" s="20">
        <v>55.7</v>
      </c>
      <c r="M71" s="20">
        <v>35.1</v>
      </c>
      <c r="N71" s="20">
        <v>19.8</v>
      </c>
    </row>
    <row r="72" spans="1:14" ht="18.75">
      <c r="A72" s="17" t="s">
        <v>0</v>
      </c>
      <c r="B72" s="17" t="s">
        <v>40</v>
      </c>
      <c r="C72" s="18">
        <v>2</v>
      </c>
      <c r="D72" s="69" t="s">
        <v>101</v>
      </c>
      <c r="E72" s="19">
        <v>2066</v>
      </c>
      <c r="F72" s="19">
        <v>198</v>
      </c>
      <c r="G72" s="19">
        <v>1231</v>
      </c>
      <c r="H72" s="19">
        <v>616</v>
      </c>
      <c r="I72" s="19">
        <v>296</v>
      </c>
      <c r="J72" s="19">
        <v>21</v>
      </c>
      <c r="K72" s="20">
        <v>9.6999999999999993</v>
      </c>
      <c r="L72" s="29">
        <v>60.2</v>
      </c>
      <c r="M72" s="29">
        <v>30.1</v>
      </c>
      <c r="N72" s="30">
        <v>14.5</v>
      </c>
    </row>
    <row r="73" spans="1:14" ht="18.75">
      <c r="A73" s="21" t="s">
        <v>0</v>
      </c>
      <c r="B73" s="21" t="s">
        <v>40</v>
      </c>
      <c r="C73" s="22">
        <v>3</v>
      </c>
      <c r="D73" s="70" t="s">
        <v>102</v>
      </c>
      <c r="E73" s="23">
        <v>2220</v>
      </c>
      <c r="F73" s="23">
        <v>192</v>
      </c>
      <c r="G73" s="23">
        <v>1136</v>
      </c>
      <c r="H73" s="23">
        <v>874</v>
      </c>
      <c r="I73" s="23">
        <v>545</v>
      </c>
      <c r="J73" s="23">
        <v>18</v>
      </c>
      <c r="K73" s="31">
        <v>8.6999999999999993</v>
      </c>
      <c r="L73" s="31">
        <v>51.6</v>
      </c>
      <c r="M73" s="31">
        <v>39.700000000000003</v>
      </c>
      <c r="N73" s="32">
        <v>24.8</v>
      </c>
    </row>
    <row r="74" spans="1:14" ht="18.75">
      <c r="A74" s="14" t="s">
        <v>0</v>
      </c>
      <c r="B74" s="14" t="s">
        <v>17</v>
      </c>
      <c r="C74" s="15">
        <v>1</v>
      </c>
      <c r="D74" s="68" t="s">
        <v>100</v>
      </c>
      <c r="E74" s="16">
        <v>15167</v>
      </c>
      <c r="F74" s="16">
        <v>1952</v>
      </c>
      <c r="G74" s="16">
        <v>8802</v>
      </c>
      <c r="H74" s="16">
        <v>4335</v>
      </c>
      <c r="I74" s="16">
        <v>2102</v>
      </c>
      <c r="J74" s="16">
        <v>78</v>
      </c>
      <c r="K74" s="20">
        <v>12.9</v>
      </c>
      <c r="L74" s="20">
        <v>58.3</v>
      </c>
      <c r="M74" s="20">
        <v>28.7</v>
      </c>
      <c r="N74" s="20">
        <v>13.9</v>
      </c>
    </row>
    <row r="75" spans="1:14" ht="18.75">
      <c r="A75" s="17" t="s">
        <v>0</v>
      </c>
      <c r="B75" s="17" t="s">
        <v>17</v>
      </c>
      <c r="C75" s="18">
        <v>2</v>
      </c>
      <c r="D75" s="69" t="s">
        <v>101</v>
      </c>
      <c r="E75" s="19">
        <v>7391</v>
      </c>
      <c r="F75" s="19">
        <v>998</v>
      </c>
      <c r="G75" s="19">
        <v>4425</v>
      </c>
      <c r="H75" s="19">
        <v>1920</v>
      </c>
      <c r="I75" s="19">
        <v>863</v>
      </c>
      <c r="J75" s="19">
        <v>48</v>
      </c>
      <c r="K75" s="20">
        <v>13.6</v>
      </c>
      <c r="L75" s="29">
        <v>60.3</v>
      </c>
      <c r="M75" s="29">
        <v>26.1</v>
      </c>
      <c r="N75" s="30">
        <v>11.8</v>
      </c>
    </row>
    <row r="76" spans="1:14" ht="18.75">
      <c r="A76" s="21" t="s">
        <v>0</v>
      </c>
      <c r="B76" s="21" t="s">
        <v>17</v>
      </c>
      <c r="C76" s="22">
        <v>3</v>
      </c>
      <c r="D76" s="70" t="s">
        <v>102</v>
      </c>
      <c r="E76" s="23">
        <v>7776</v>
      </c>
      <c r="F76" s="23">
        <v>954</v>
      </c>
      <c r="G76" s="23">
        <v>4377</v>
      </c>
      <c r="H76" s="23">
        <v>2415</v>
      </c>
      <c r="I76" s="23">
        <v>1239</v>
      </c>
      <c r="J76" s="23">
        <v>30</v>
      </c>
      <c r="K76" s="31">
        <v>12.3</v>
      </c>
      <c r="L76" s="31">
        <v>56.5</v>
      </c>
      <c r="M76" s="31">
        <v>31.2</v>
      </c>
      <c r="N76" s="32">
        <v>16</v>
      </c>
    </row>
    <row r="77" spans="1:14" ht="18.75">
      <c r="A77" s="14" t="s">
        <v>0</v>
      </c>
      <c r="B77" s="14" t="s">
        <v>19</v>
      </c>
      <c r="C77" s="15">
        <v>1</v>
      </c>
      <c r="D77" s="68" t="s">
        <v>100</v>
      </c>
      <c r="E77" s="16">
        <v>9399</v>
      </c>
      <c r="F77" s="16">
        <v>1048</v>
      </c>
      <c r="G77" s="16">
        <v>5532</v>
      </c>
      <c r="H77" s="16">
        <v>2646</v>
      </c>
      <c r="I77" s="16">
        <v>1265</v>
      </c>
      <c r="J77" s="16">
        <v>173</v>
      </c>
      <c r="K77" s="20">
        <v>11.4</v>
      </c>
      <c r="L77" s="20">
        <v>60</v>
      </c>
      <c r="M77" s="20">
        <v>28.7</v>
      </c>
      <c r="N77" s="20">
        <v>13.7</v>
      </c>
    </row>
    <row r="78" spans="1:14" ht="18.75">
      <c r="A78" s="17" t="s">
        <v>0</v>
      </c>
      <c r="B78" s="17" t="s">
        <v>19</v>
      </c>
      <c r="C78" s="18">
        <v>2</v>
      </c>
      <c r="D78" s="69" t="s">
        <v>101</v>
      </c>
      <c r="E78" s="19">
        <v>4466</v>
      </c>
      <c r="F78" s="19">
        <v>491</v>
      </c>
      <c r="G78" s="19">
        <v>2743</v>
      </c>
      <c r="H78" s="19">
        <v>1140</v>
      </c>
      <c r="I78" s="19">
        <v>504</v>
      </c>
      <c r="J78" s="19">
        <v>92</v>
      </c>
      <c r="K78" s="20">
        <v>11.2</v>
      </c>
      <c r="L78" s="29">
        <v>62.7</v>
      </c>
      <c r="M78" s="29">
        <v>26.1</v>
      </c>
      <c r="N78" s="30">
        <v>11.5</v>
      </c>
    </row>
    <row r="79" spans="1:14" ht="18.75">
      <c r="A79" s="21" t="s">
        <v>0</v>
      </c>
      <c r="B79" s="21" t="s">
        <v>19</v>
      </c>
      <c r="C79" s="22">
        <v>3</v>
      </c>
      <c r="D79" s="70" t="s">
        <v>102</v>
      </c>
      <c r="E79" s="23">
        <v>4933</v>
      </c>
      <c r="F79" s="23">
        <v>557</v>
      </c>
      <c r="G79" s="23">
        <v>2789</v>
      </c>
      <c r="H79" s="23">
        <v>1506</v>
      </c>
      <c r="I79" s="23">
        <v>761</v>
      </c>
      <c r="J79" s="23">
        <v>81</v>
      </c>
      <c r="K79" s="31">
        <v>11.5</v>
      </c>
      <c r="L79" s="31">
        <v>57.5</v>
      </c>
      <c r="M79" s="31">
        <v>31</v>
      </c>
      <c r="N79" s="32">
        <v>15.7</v>
      </c>
    </row>
    <row r="80" spans="1:14" ht="18.75">
      <c r="A80" s="14" t="s">
        <v>0</v>
      </c>
      <c r="B80" s="14" t="s">
        <v>7</v>
      </c>
      <c r="C80" s="15">
        <v>1</v>
      </c>
      <c r="D80" s="68" t="s">
        <v>100</v>
      </c>
      <c r="E80" s="16">
        <v>12341</v>
      </c>
      <c r="F80" s="16">
        <v>1652</v>
      </c>
      <c r="G80" s="16">
        <v>7269</v>
      </c>
      <c r="H80" s="16">
        <v>3103</v>
      </c>
      <c r="I80" s="16">
        <v>1598</v>
      </c>
      <c r="J80" s="16">
        <v>317</v>
      </c>
      <c r="K80" s="20">
        <v>13.7</v>
      </c>
      <c r="L80" s="20">
        <v>60.5</v>
      </c>
      <c r="M80" s="20">
        <v>25.8</v>
      </c>
      <c r="N80" s="20">
        <v>13.3</v>
      </c>
    </row>
    <row r="81" spans="1:14" ht="18.75">
      <c r="A81" s="17" t="s">
        <v>0</v>
      </c>
      <c r="B81" s="17" t="s">
        <v>7</v>
      </c>
      <c r="C81" s="18">
        <v>2</v>
      </c>
      <c r="D81" s="69" t="s">
        <v>101</v>
      </c>
      <c r="E81" s="19">
        <v>6017</v>
      </c>
      <c r="F81" s="19">
        <v>810</v>
      </c>
      <c r="G81" s="19">
        <v>3676</v>
      </c>
      <c r="H81" s="19">
        <v>1333</v>
      </c>
      <c r="I81" s="19">
        <v>631</v>
      </c>
      <c r="J81" s="19">
        <v>198</v>
      </c>
      <c r="K81" s="20">
        <v>13.9</v>
      </c>
      <c r="L81" s="29">
        <v>63.2</v>
      </c>
      <c r="M81" s="29">
        <v>22.9</v>
      </c>
      <c r="N81" s="30">
        <v>10.8</v>
      </c>
    </row>
    <row r="82" spans="1:14" ht="18.75">
      <c r="A82" s="21" t="s">
        <v>0</v>
      </c>
      <c r="B82" s="21" t="s">
        <v>7</v>
      </c>
      <c r="C82" s="22">
        <v>3</v>
      </c>
      <c r="D82" s="70" t="s">
        <v>102</v>
      </c>
      <c r="E82" s="23">
        <v>6324</v>
      </c>
      <c r="F82" s="23">
        <v>842</v>
      </c>
      <c r="G82" s="23">
        <v>3593</v>
      </c>
      <c r="H82" s="23">
        <v>1770</v>
      </c>
      <c r="I82" s="23">
        <v>967</v>
      </c>
      <c r="J82" s="23">
        <v>119</v>
      </c>
      <c r="K82" s="31">
        <v>13.6</v>
      </c>
      <c r="L82" s="31">
        <v>57.9</v>
      </c>
      <c r="M82" s="31">
        <v>28.5</v>
      </c>
      <c r="N82" s="32">
        <v>15.6</v>
      </c>
    </row>
    <row r="83" spans="1:14" ht="18.75">
      <c r="A83" s="14" t="s">
        <v>0</v>
      </c>
      <c r="B83" s="14" t="s">
        <v>21</v>
      </c>
      <c r="C83" s="15">
        <v>1</v>
      </c>
      <c r="D83" s="68" t="s">
        <v>100</v>
      </c>
      <c r="E83" s="16">
        <v>15928</v>
      </c>
      <c r="F83" s="16">
        <v>2565</v>
      </c>
      <c r="G83" s="16">
        <v>9102</v>
      </c>
      <c r="H83" s="16">
        <v>4022</v>
      </c>
      <c r="I83" s="16">
        <v>2031</v>
      </c>
      <c r="J83" s="16">
        <v>239</v>
      </c>
      <c r="K83" s="20">
        <v>16.3</v>
      </c>
      <c r="L83" s="20">
        <v>58</v>
      </c>
      <c r="M83" s="20">
        <v>25.6</v>
      </c>
      <c r="N83" s="20">
        <v>12.9</v>
      </c>
    </row>
    <row r="84" spans="1:14" ht="18.75">
      <c r="A84" s="17" t="s">
        <v>0</v>
      </c>
      <c r="B84" s="17" t="s">
        <v>21</v>
      </c>
      <c r="C84" s="18">
        <v>2</v>
      </c>
      <c r="D84" s="69" t="s">
        <v>101</v>
      </c>
      <c r="E84" s="19">
        <v>7728</v>
      </c>
      <c r="F84" s="19">
        <v>1319</v>
      </c>
      <c r="G84" s="19">
        <v>4551</v>
      </c>
      <c r="H84" s="19">
        <v>1719</v>
      </c>
      <c r="I84" s="19">
        <v>824</v>
      </c>
      <c r="J84" s="19">
        <v>139</v>
      </c>
      <c r="K84" s="20">
        <v>17.399999999999999</v>
      </c>
      <c r="L84" s="29">
        <v>60</v>
      </c>
      <c r="M84" s="29">
        <v>22.7</v>
      </c>
      <c r="N84" s="30">
        <v>10.9</v>
      </c>
    </row>
    <row r="85" spans="1:14" ht="18.75">
      <c r="A85" s="21" t="s">
        <v>0</v>
      </c>
      <c r="B85" s="21" t="s">
        <v>21</v>
      </c>
      <c r="C85" s="22">
        <v>3</v>
      </c>
      <c r="D85" s="70" t="s">
        <v>102</v>
      </c>
      <c r="E85" s="23">
        <v>8200</v>
      </c>
      <c r="F85" s="23">
        <v>1246</v>
      </c>
      <c r="G85" s="23">
        <v>4551</v>
      </c>
      <c r="H85" s="23">
        <v>2303</v>
      </c>
      <c r="I85" s="23">
        <v>1207</v>
      </c>
      <c r="J85" s="23">
        <v>100</v>
      </c>
      <c r="K85" s="31">
        <v>15.4</v>
      </c>
      <c r="L85" s="31">
        <v>56.2</v>
      </c>
      <c r="M85" s="31">
        <v>28.4</v>
      </c>
      <c r="N85" s="32">
        <v>14.9</v>
      </c>
    </row>
    <row r="86" spans="1:14" ht="18.75">
      <c r="A86" s="14" t="s">
        <v>0</v>
      </c>
      <c r="B86" s="14" t="s">
        <v>10</v>
      </c>
      <c r="C86" s="15">
        <v>1</v>
      </c>
      <c r="D86" s="68" t="s">
        <v>100</v>
      </c>
      <c r="E86" s="16">
        <v>11803</v>
      </c>
      <c r="F86" s="16">
        <v>1494</v>
      </c>
      <c r="G86" s="16">
        <v>6651</v>
      </c>
      <c r="H86" s="16">
        <v>3343</v>
      </c>
      <c r="I86" s="16">
        <v>1833</v>
      </c>
      <c r="J86" s="16">
        <v>315</v>
      </c>
      <c r="K86" s="20">
        <v>13</v>
      </c>
      <c r="L86" s="20">
        <v>57.9</v>
      </c>
      <c r="M86" s="20">
        <v>29.1</v>
      </c>
      <c r="N86" s="20">
        <v>16</v>
      </c>
    </row>
    <row r="87" spans="1:14" ht="18.75">
      <c r="A87" s="17" t="s">
        <v>0</v>
      </c>
      <c r="B87" s="17" t="s">
        <v>10</v>
      </c>
      <c r="C87" s="18">
        <v>2</v>
      </c>
      <c r="D87" s="69" t="s">
        <v>101</v>
      </c>
      <c r="E87" s="19">
        <v>5630</v>
      </c>
      <c r="F87" s="19">
        <v>767</v>
      </c>
      <c r="G87" s="19">
        <v>3305</v>
      </c>
      <c r="H87" s="19">
        <v>1383</v>
      </c>
      <c r="I87" s="19">
        <v>718</v>
      </c>
      <c r="J87" s="19">
        <v>175</v>
      </c>
      <c r="K87" s="20">
        <v>14.1</v>
      </c>
      <c r="L87" s="29">
        <v>60.6</v>
      </c>
      <c r="M87" s="29">
        <v>25.4</v>
      </c>
      <c r="N87" s="30">
        <v>13.2</v>
      </c>
    </row>
    <row r="88" spans="1:14" ht="18.75">
      <c r="A88" s="21" t="s">
        <v>0</v>
      </c>
      <c r="B88" s="21" t="s">
        <v>10</v>
      </c>
      <c r="C88" s="22">
        <v>3</v>
      </c>
      <c r="D88" s="70" t="s">
        <v>102</v>
      </c>
      <c r="E88" s="23">
        <v>6173</v>
      </c>
      <c r="F88" s="23">
        <v>727</v>
      </c>
      <c r="G88" s="23">
        <v>3346</v>
      </c>
      <c r="H88" s="23">
        <v>1960</v>
      </c>
      <c r="I88" s="23">
        <v>1115</v>
      </c>
      <c r="J88" s="23">
        <v>140</v>
      </c>
      <c r="K88" s="31">
        <v>12.1</v>
      </c>
      <c r="L88" s="31">
        <v>55.5</v>
      </c>
      <c r="M88" s="31">
        <v>32.5</v>
      </c>
      <c r="N88" s="32">
        <v>18.5</v>
      </c>
    </row>
    <row r="89" spans="1:14" ht="18.75">
      <c r="A89" s="14" t="s">
        <v>0</v>
      </c>
      <c r="B89" s="14" t="s">
        <v>22</v>
      </c>
      <c r="C89" s="15">
        <v>1</v>
      </c>
      <c r="D89" s="68" t="s">
        <v>100</v>
      </c>
      <c r="E89" s="16">
        <v>11519</v>
      </c>
      <c r="F89" s="16">
        <v>1326</v>
      </c>
      <c r="G89" s="16">
        <v>6545</v>
      </c>
      <c r="H89" s="16">
        <v>3419</v>
      </c>
      <c r="I89" s="16">
        <v>1893</v>
      </c>
      <c r="J89" s="16">
        <v>229</v>
      </c>
      <c r="K89" s="20">
        <v>11.7</v>
      </c>
      <c r="L89" s="20">
        <v>58</v>
      </c>
      <c r="M89" s="20">
        <v>30.3</v>
      </c>
      <c r="N89" s="20">
        <v>16.8</v>
      </c>
    </row>
    <row r="90" spans="1:14" ht="18.75">
      <c r="A90" s="17" t="s">
        <v>0</v>
      </c>
      <c r="B90" s="17" t="s">
        <v>22</v>
      </c>
      <c r="C90" s="18">
        <v>2</v>
      </c>
      <c r="D90" s="69" t="s">
        <v>101</v>
      </c>
      <c r="E90" s="19">
        <v>5525</v>
      </c>
      <c r="F90" s="19">
        <v>676</v>
      </c>
      <c r="G90" s="19">
        <v>3289</v>
      </c>
      <c r="H90" s="19">
        <v>1442</v>
      </c>
      <c r="I90" s="19">
        <v>723</v>
      </c>
      <c r="J90" s="19">
        <v>118</v>
      </c>
      <c r="K90" s="20">
        <v>12.5</v>
      </c>
      <c r="L90" s="29">
        <v>60.8</v>
      </c>
      <c r="M90" s="29">
        <v>26.7</v>
      </c>
      <c r="N90" s="30">
        <v>13.4</v>
      </c>
    </row>
    <row r="91" spans="1:14" ht="18.75">
      <c r="A91" s="21" t="s">
        <v>0</v>
      </c>
      <c r="B91" s="21" t="s">
        <v>22</v>
      </c>
      <c r="C91" s="22">
        <v>3</v>
      </c>
      <c r="D91" s="70" t="s">
        <v>102</v>
      </c>
      <c r="E91" s="23">
        <v>5994</v>
      </c>
      <c r="F91" s="23">
        <v>650</v>
      </c>
      <c r="G91" s="23">
        <v>3256</v>
      </c>
      <c r="H91" s="23">
        <v>1977</v>
      </c>
      <c r="I91" s="23">
        <v>1170</v>
      </c>
      <c r="J91" s="23">
        <v>111</v>
      </c>
      <c r="K91" s="31">
        <v>11</v>
      </c>
      <c r="L91" s="31">
        <v>55.3</v>
      </c>
      <c r="M91" s="31">
        <v>33.6</v>
      </c>
      <c r="N91" s="32">
        <v>19.899999999999999</v>
      </c>
    </row>
    <row r="92" spans="1:14" ht="18.75">
      <c r="A92" s="14" t="s">
        <v>0</v>
      </c>
      <c r="B92" s="14" t="s">
        <v>23</v>
      </c>
      <c r="C92" s="15">
        <v>1</v>
      </c>
      <c r="D92" s="68" t="s">
        <v>100</v>
      </c>
      <c r="E92" s="16">
        <v>5646</v>
      </c>
      <c r="F92" s="16">
        <v>582</v>
      </c>
      <c r="G92" s="16">
        <v>2946</v>
      </c>
      <c r="H92" s="16">
        <v>2022</v>
      </c>
      <c r="I92" s="16">
        <v>1055</v>
      </c>
      <c r="J92" s="16">
        <v>96</v>
      </c>
      <c r="K92" s="20">
        <v>10.5</v>
      </c>
      <c r="L92" s="20">
        <v>53.1</v>
      </c>
      <c r="M92" s="20">
        <v>36.4</v>
      </c>
      <c r="N92" s="20">
        <v>19</v>
      </c>
    </row>
    <row r="93" spans="1:14" ht="18.75">
      <c r="A93" s="17" t="s">
        <v>0</v>
      </c>
      <c r="B93" s="17" t="s">
        <v>23</v>
      </c>
      <c r="C93" s="18">
        <v>2</v>
      </c>
      <c r="D93" s="69" t="s">
        <v>101</v>
      </c>
      <c r="E93" s="19">
        <v>2747</v>
      </c>
      <c r="F93" s="19">
        <v>303</v>
      </c>
      <c r="G93" s="19">
        <v>1516</v>
      </c>
      <c r="H93" s="19">
        <v>875</v>
      </c>
      <c r="I93" s="19">
        <v>423</v>
      </c>
      <c r="J93" s="19">
        <v>53</v>
      </c>
      <c r="K93" s="20">
        <v>11.2</v>
      </c>
      <c r="L93" s="29">
        <v>56.3</v>
      </c>
      <c r="M93" s="29">
        <v>32.5</v>
      </c>
      <c r="N93" s="30">
        <v>15.7</v>
      </c>
    </row>
    <row r="94" spans="1:14" ht="18.75">
      <c r="A94" s="21" t="s">
        <v>0</v>
      </c>
      <c r="B94" s="21" t="s">
        <v>23</v>
      </c>
      <c r="C94" s="22">
        <v>3</v>
      </c>
      <c r="D94" s="70" t="s">
        <v>102</v>
      </c>
      <c r="E94" s="23">
        <v>2899</v>
      </c>
      <c r="F94" s="23">
        <v>279</v>
      </c>
      <c r="G94" s="23">
        <v>1430</v>
      </c>
      <c r="H94" s="23">
        <v>1147</v>
      </c>
      <c r="I94" s="23">
        <v>632</v>
      </c>
      <c r="J94" s="23">
        <v>43</v>
      </c>
      <c r="K94" s="31">
        <v>9.8000000000000007</v>
      </c>
      <c r="L94" s="31">
        <v>50.1</v>
      </c>
      <c r="M94" s="31">
        <v>40.200000000000003</v>
      </c>
      <c r="N94" s="32">
        <v>22.1</v>
      </c>
    </row>
    <row r="95" spans="1:14" ht="18.75">
      <c r="A95" s="14" t="s">
        <v>0</v>
      </c>
      <c r="B95" s="14" t="s">
        <v>26</v>
      </c>
      <c r="C95" s="15">
        <v>1</v>
      </c>
      <c r="D95" s="68" t="s">
        <v>100</v>
      </c>
      <c r="E95" s="16">
        <v>13967</v>
      </c>
      <c r="F95" s="16">
        <v>1742</v>
      </c>
      <c r="G95" s="16">
        <v>8176</v>
      </c>
      <c r="H95" s="16">
        <v>3457</v>
      </c>
      <c r="I95" s="16">
        <v>1811</v>
      </c>
      <c r="J95" s="16">
        <v>592</v>
      </c>
      <c r="K95" s="20">
        <v>13</v>
      </c>
      <c r="L95" s="20">
        <v>61.1</v>
      </c>
      <c r="M95" s="20">
        <v>25.8</v>
      </c>
      <c r="N95" s="20">
        <v>13.5</v>
      </c>
    </row>
    <row r="96" spans="1:14" ht="18.75">
      <c r="A96" s="17" t="s">
        <v>0</v>
      </c>
      <c r="B96" s="17" t="s">
        <v>26</v>
      </c>
      <c r="C96" s="18">
        <v>2</v>
      </c>
      <c r="D96" s="69" t="s">
        <v>101</v>
      </c>
      <c r="E96" s="19">
        <v>6849</v>
      </c>
      <c r="F96" s="19">
        <v>894</v>
      </c>
      <c r="G96" s="19">
        <v>4174</v>
      </c>
      <c r="H96" s="19">
        <v>1463</v>
      </c>
      <c r="I96" s="19">
        <v>672</v>
      </c>
      <c r="J96" s="19">
        <v>318</v>
      </c>
      <c r="K96" s="20">
        <v>13.7</v>
      </c>
      <c r="L96" s="29">
        <v>63.9</v>
      </c>
      <c r="M96" s="29">
        <v>22.4</v>
      </c>
      <c r="N96" s="30">
        <v>10.3</v>
      </c>
    </row>
    <row r="97" spans="1:14" ht="18.75">
      <c r="A97" s="21" t="s">
        <v>0</v>
      </c>
      <c r="B97" s="21" t="s">
        <v>26</v>
      </c>
      <c r="C97" s="22">
        <v>3</v>
      </c>
      <c r="D97" s="70" t="s">
        <v>102</v>
      </c>
      <c r="E97" s="23">
        <v>7118</v>
      </c>
      <c r="F97" s="23">
        <v>848</v>
      </c>
      <c r="G97" s="23">
        <v>4002</v>
      </c>
      <c r="H97" s="23">
        <v>1994</v>
      </c>
      <c r="I97" s="23">
        <v>1139</v>
      </c>
      <c r="J97" s="23">
        <v>274</v>
      </c>
      <c r="K97" s="31">
        <v>12.4</v>
      </c>
      <c r="L97" s="31">
        <v>58.5</v>
      </c>
      <c r="M97" s="31">
        <v>29.1</v>
      </c>
      <c r="N97" s="32">
        <v>16.600000000000001</v>
      </c>
    </row>
    <row r="98" spans="1:14" ht="18.75">
      <c r="A98" s="14" t="s">
        <v>0</v>
      </c>
      <c r="B98" s="14" t="s">
        <v>27</v>
      </c>
      <c r="C98" s="15">
        <v>1</v>
      </c>
      <c r="D98" s="68" t="s">
        <v>100</v>
      </c>
      <c r="E98" s="16">
        <v>5862</v>
      </c>
      <c r="F98" s="16">
        <v>839</v>
      </c>
      <c r="G98" s="16">
        <v>3640</v>
      </c>
      <c r="H98" s="16">
        <v>1335</v>
      </c>
      <c r="I98" s="16">
        <v>738</v>
      </c>
      <c r="J98" s="16">
        <v>48</v>
      </c>
      <c r="K98" s="20">
        <v>14.4</v>
      </c>
      <c r="L98" s="20">
        <v>62.6</v>
      </c>
      <c r="M98" s="20">
        <v>23</v>
      </c>
      <c r="N98" s="20">
        <v>12.7</v>
      </c>
    </row>
    <row r="99" spans="1:14" ht="18.75">
      <c r="A99" s="17" t="s">
        <v>0</v>
      </c>
      <c r="B99" s="17" t="s">
        <v>27</v>
      </c>
      <c r="C99" s="18">
        <v>2</v>
      </c>
      <c r="D99" s="69" t="s">
        <v>101</v>
      </c>
      <c r="E99" s="19">
        <v>2959</v>
      </c>
      <c r="F99" s="19">
        <v>430</v>
      </c>
      <c r="G99" s="19">
        <v>1965</v>
      </c>
      <c r="H99" s="19">
        <v>539</v>
      </c>
      <c r="I99" s="19">
        <v>222</v>
      </c>
      <c r="J99" s="19">
        <v>25</v>
      </c>
      <c r="K99" s="20">
        <v>14.7</v>
      </c>
      <c r="L99" s="29">
        <v>67</v>
      </c>
      <c r="M99" s="29">
        <v>18.399999999999999</v>
      </c>
      <c r="N99" s="30">
        <v>7.6</v>
      </c>
    </row>
    <row r="100" spans="1:14" ht="18.75">
      <c r="A100" s="21" t="s">
        <v>0</v>
      </c>
      <c r="B100" s="21" t="s">
        <v>27</v>
      </c>
      <c r="C100" s="22">
        <v>3</v>
      </c>
      <c r="D100" s="70" t="s">
        <v>102</v>
      </c>
      <c r="E100" s="23">
        <v>2903</v>
      </c>
      <c r="F100" s="23">
        <v>409</v>
      </c>
      <c r="G100" s="23">
        <v>1675</v>
      </c>
      <c r="H100" s="23">
        <v>796</v>
      </c>
      <c r="I100" s="23">
        <v>516</v>
      </c>
      <c r="J100" s="23">
        <v>23</v>
      </c>
      <c r="K100" s="31">
        <v>14.2</v>
      </c>
      <c r="L100" s="31">
        <v>58.2</v>
      </c>
      <c r="M100" s="31">
        <v>27.6</v>
      </c>
      <c r="N100" s="32">
        <v>17.899999999999999</v>
      </c>
    </row>
    <row r="101" spans="1:14" ht="18.75">
      <c r="A101" s="14" t="s">
        <v>0</v>
      </c>
      <c r="B101" s="14" t="s">
        <v>25</v>
      </c>
      <c r="C101" s="15">
        <v>1</v>
      </c>
      <c r="D101" s="68" t="s">
        <v>100</v>
      </c>
      <c r="E101" s="16">
        <v>6951</v>
      </c>
      <c r="F101" s="16">
        <v>807</v>
      </c>
      <c r="G101" s="16">
        <v>3710</v>
      </c>
      <c r="H101" s="16">
        <v>2378</v>
      </c>
      <c r="I101" s="16">
        <v>1294</v>
      </c>
      <c r="J101" s="16">
        <v>56</v>
      </c>
      <c r="K101" s="20">
        <v>11.7</v>
      </c>
      <c r="L101" s="20">
        <v>53.8</v>
      </c>
      <c r="M101" s="20">
        <v>34.5</v>
      </c>
      <c r="N101" s="20">
        <v>18.8</v>
      </c>
    </row>
    <row r="102" spans="1:14" ht="18.75">
      <c r="A102" s="17" t="s">
        <v>0</v>
      </c>
      <c r="B102" s="17" t="s">
        <v>25</v>
      </c>
      <c r="C102" s="18">
        <v>2</v>
      </c>
      <c r="D102" s="69" t="s">
        <v>101</v>
      </c>
      <c r="E102" s="19">
        <v>3384</v>
      </c>
      <c r="F102" s="19">
        <v>427</v>
      </c>
      <c r="G102" s="19">
        <v>1872</v>
      </c>
      <c r="H102" s="19">
        <v>1056</v>
      </c>
      <c r="I102" s="19">
        <v>550</v>
      </c>
      <c r="J102" s="19">
        <v>29</v>
      </c>
      <c r="K102" s="20">
        <v>12.7</v>
      </c>
      <c r="L102" s="29">
        <v>55.8</v>
      </c>
      <c r="M102" s="29">
        <v>31.5</v>
      </c>
      <c r="N102" s="30">
        <v>16.399999999999999</v>
      </c>
    </row>
    <row r="103" spans="1:14" ht="18.75">
      <c r="A103" s="21" t="s">
        <v>0</v>
      </c>
      <c r="B103" s="21" t="s">
        <v>25</v>
      </c>
      <c r="C103" s="22">
        <v>3</v>
      </c>
      <c r="D103" s="70" t="s">
        <v>102</v>
      </c>
      <c r="E103" s="23">
        <v>3567</v>
      </c>
      <c r="F103" s="23">
        <v>380</v>
      </c>
      <c r="G103" s="23">
        <v>1838</v>
      </c>
      <c r="H103" s="23">
        <v>1322</v>
      </c>
      <c r="I103" s="23">
        <v>744</v>
      </c>
      <c r="J103" s="23">
        <v>27</v>
      </c>
      <c r="K103" s="31">
        <v>10.7</v>
      </c>
      <c r="L103" s="31">
        <v>51.9</v>
      </c>
      <c r="M103" s="31">
        <v>37.299999999999997</v>
      </c>
      <c r="N103" s="32">
        <v>21</v>
      </c>
    </row>
    <row r="104" spans="1:14" ht="18.75">
      <c r="A104" s="14" t="s">
        <v>0</v>
      </c>
      <c r="B104" s="14" t="s">
        <v>24</v>
      </c>
      <c r="C104" s="15">
        <v>1</v>
      </c>
      <c r="D104" s="68" t="s">
        <v>100</v>
      </c>
      <c r="E104" s="16">
        <v>6342</v>
      </c>
      <c r="F104" s="16">
        <v>635</v>
      </c>
      <c r="G104" s="16">
        <v>3081</v>
      </c>
      <c r="H104" s="16">
        <v>2593</v>
      </c>
      <c r="I104" s="16">
        <v>1329</v>
      </c>
      <c r="J104" s="16">
        <v>33</v>
      </c>
      <c r="K104" s="20">
        <v>10.1</v>
      </c>
      <c r="L104" s="20">
        <v>48.8</v>
      </c>
      <c r="M104" s="20">
        <v>41.1</v>
      </c>
      <c r="N104" s="20">
        <v>21.1</v>
      </c>
    </row>
    <row r="105" spans="1:14" ht="18.75">
      <c r="A105" s="17" t="s">
        <v>0</v>
      </c>
      <c r="B105" s="17" t="s">
        <v>24</v>
      </c>
      <c r="C105" s="18">
        <v>2</v>
      </c>
      <c r="D105" s="69" t="s">
        <v>101</v>
      </c>
      <c r="E105" s="19">
        <v>3011</v>
      </c>
      <c r="F105" s="19">
        <v>328</v>
      </c>
      <c r="G105" s="19">
        <v>1556</v>
      </c>
      <c r="H105" s="19">
        <v>1111</v>
      </c>
      <c r="I105" s="19">
        <v>524</v>
      </c>
      <c r="J105" s="19">
        <v>16</v>
      </c>
      <c r="K105" s="20">
        <v>11</v>
      </c>
      <c r="L105" s="29">
        <v>52</v>
      </c>
      <c r="M105" s="29">
        <v>37.1</v>
      </c>
      <c r="N105" s="30">
        <v>17.5</v>
      </c>
    </row>
    <row r="106" spans="1:14" ht="18.75">
      <c r="A106" s="21" t="s">
        <v>0</v>
      </c>
      <c r="B106" s="21" t="s">
        <v>24</v>
      </c>
      <c r="C106" s="22">
        <v>3</v>
      </c>
      <c r="D106" s="70" t="s">
        <v>102</v>
      </c>
      <c r="E106" s="23">
        <v>3331</v>
      </c>
      <c r="F106" s="23">
        <v>307</v>
      </c>
      <c r="G106" s="23">
        <v>1525</v>
      </c>
      <c r="H106" s="23">
        <v>1482</v>
      </c>
      <c r="I106" s="23">
        <v>805</v>
      </c>
      <c r="J106" s="23">
        <v>17</v>
      </c>
      <c r="K106" s="31">
        <v>9.3000000000000007</v>
      </c>
      <c r="L106" s="31">
        <v>46</v>
      </c>
      <c r="M106" s="31">
        <v>44.7</v>
      </c>
      <c r="N106" s="32">
        <v>24.3</v>
      </c>
    </row>
    <row r="107" spans="1:14" ht="18.75">
      <c r="A107" s="14" t="s">
        <v>0</v>
      </c>
      <c r="B107" s="14" t="s">
        <v>37</v>
      </c>
      <c r="C107" s="15">
        <v>1</v>
      </c>
      <c r="D107" s="68" t="s">
        <v>100</v>
      </c>
      <c r="E107" s="16">
        <v>3169</v>
      </c>
      <c r="F107" s="16">
        <v>300</v>
      </c>
      <c r="G107" s="16">
        <v>1876</v>
      </c>
      <c r="H107" s="16">
        <v>928</v>
      </c>
      <c r="I107" s="16">
        <v>478</v>
      </c>
      <c r="J107" s="16">
        <v>65</v>
      </c>
      <c r="K107" s="20">
        <v>9.6999999999999993</v>
      </c>
      <c r="L107" s="20">
        <v>60.4</v>
      </c>
      <c r="M107" s="20">
        <v>29.9</v>
      </c>
      <c r="N107" s="20">
        <v>15.4</v>
      </c>
    </row>
    <row r="108" spans="1:14" ht="18.75">
      <c r="A108" s="17" t="s">
        <v>0</v>
      </c>
      <c r="B108" s="17" t="s">
        <v>37</v>
      </c>
      <c r="C108" s="18">
        <v>2</v>
      </c>
      <c r="D108" s="69" t="s">
        <v>101</v>
      </c>
      <c r="E108" s="19">
        <v>1541</v>
      </c>
      <c r="F108" s="19">
        <v>172</v>
      </c>
      <c r="G108" s="19">
        <v>938</v>
      </c>
      <c r="H108" s="19">
        <v>391</v>
      </c>
      <c r="I108" s="19">
        <v>175</v>
      </c>
      <c r="J108" s="19">
        <v>40</v>
      </c>
      <c r="K108" s="20">
        <v>11.5</v>
      </c>
      <c r="L108" s="29">
        <v>62.5</v>
      </c>
      <c r="M108" s="29">
        <v>26</v>
      </c>
      <c r="N108" s="30">
        <v>11.7</v>
      </c>
    </row>
    <row r="109" spans="1:14" ht="18.75">
      <c r="A109" s="21" t="s">
        <v>0</v>
      </c>
      <c r="B109" s="21" t="s">
        <v>37</v>
      </c>
      <c r="C109" s="22">
        <v>3</v>
      </c>
      <c r="D109" s="70" t="s">
        <v>102</v>
      </c>
      <c r="E109" s="23">
        <v>1628</v>
      </c>
      <c r="F109" s="23">
        <v>128</v>
      </c>
      <c r="G109" s="23">
        <v>938</v>
      </c>
      <c r="H109" s="23">
        <v>537</v>
      </c>
      <c r="I109" s="23">
        <v>303</v>
      </c>
      <c r="J109" s="23">
        <v>25</v>
      </c>
      <c r="K109" s="31">
        <v>8</v>
      </c>
      <c r="L109" s="31">
        <v>58.5</v>
      </c>
      <c r="M109" s="31">
        <v>33.5</v>
      </c>
      <c r="N109" s="32">
        <v>18.899999999999999</v>
      </c>
    </row>
    <row r="110" spans="1:14" ht="18.75">
      <c r="A110" s="14" t="s">
        <v>0</v>
      </c>
      <c r="B110" s="14" t="s">
        <v>34</v>
      </c>
      <c r="C110" s="15">
        <v>1</v>
      </c>
      <c r="D110" s="68" t="s">
        <v>100</v>
      </c>
      <c r="E110" s="16">
        <v>2256</v>
      </c>
      <c r="F110" s="16">
        <v>198</v>
      </c>
      <c r="G110" s="16">
        <v>1091</v>
      </c>
      <c r="H110" s="16">
        <v>966</v>
      </c>
      <c r="I110" s="16">
        <v>495</v>
      </c>
      <c r="J110" s="16">
        <v>1</v>
      </c>
      <c r="K110" s="20">
        <v>8.8000000000000007</v>
      </c>
      <c r="L110" s="20">
        <v>48.4</v>
      </c>
      <c r="M110" s="20">
        <v>42.8</v>
      </c>
      <c r="N110" s="20">
        <v>22</v>
      </c>
    </row>
    <row r="111" spans="1:14" ht="18.75">
      <c r="A111" s="17" t="s">
        <v>0</v>
      </c>
      <c r="B111" s="17" t="s">
        <v>34</v>
      </c>
      <c r="C111" s="18">
        <v>2</v>
      </c>
      <c r="D111" s="69" t="s">
        <v>101</v>
      </c>
      <c r="E111" s="19">
        <v>1060</v>
      </c>
      <c r="F111" s="19">
        <v>110</v>
      </c>
      <c r="G111" s="19">
        <v>569</v>
      </c>
      <c r="H111" s="19">
        <v>380</v>
      </c>
      <c r="I111" s="19">
        <v>171</v>
      </c>
      <c r="J111" s="19">
        <v>1</v>
      </c>
      <c r="K111" s="20">
        <v>10.4</v>
      </c>
      <c r="L111" s="29">
        <v>53.7</v>
      </c>
      <c r="M111" s="29">
        <v>35.9</v>
      </c>
      <c r="N111" s="30">
        <v>16.100000000000001</v>
      </c>
    </row>
    <row r="112" spans="1:14" ht="18.75">
      <c r="A112" s="21" t="s">
        <v>0</v>
      </c>
      <c r="B112" s="21" t="s">
        <v>34</v>
      </c>
      <c r="C112" s="22">
        <v>3</v>
      </c>
      <c r="D112" s="70" t="s">
        <v>102</v>
      </c>
      <c r="E112" s="23">
        <v>1196</v>
      </c>
      <c r="F112" s="23">
        <v>88</v>
      </c>
      <c r="G112" s="23">
        <v>522</v>
      </c>
      <c r="H112" s="23">
        <v>586</v>
      </c>
      <c r="I112" s="23">
        <v>324</v>
      </c>
      <c r="J112" s="23">
        <v>0</v>
      </c>
      <c r="K112" s="31">
        <v>7.4</v>
      </c>
      <c r="L112" s="31">
        <v>43.6</v>
      </c>
      <c r="M112" s="31">
        <v>49</v>
      </c>
      <c r="N112" s="32">
        <v>27.1</v>
      </c>
    </row>
    <row r="113" spans="1:14" ht="18.75">
      <c r="A113" s="14" t="s">
        <v>0</v>
      </c>
      <c r="B113" s="14" t="s">
        <v>36</v>
      </c>
      <c r="C113" s="15">
        <v>1</v>
      </c>
      <c r="D113" s="68" t="s">
        <v>100</v>
      </c>
      <c r="E113" s="16">
        <v>2769</v>
      </c>
      <c r="F113" s="16">
        <v>273</v>
      </c>
      <c r="G113" s="16">
        <v>1537</v>
      </c>
      <c r="H113" s="16">
        <v>958</v>
      </c>
      <c r="I113" s="16">
        <v>419</v>
      </c>
      <c r="J113" s="16">
        <v>1</v>
      </c>
      <c r="K113" s="20">
        <v>9.9</v>
      </c>
      <c r="L113" s="20">
        <v>55.5</v>
      </c>
      <c r="M113" s="20">
        <v>34.6</v>
      </c>
      <c r="N113" s="20">
        <v>15.1</v>
      </c>
    </row>
    <row r="114" spans="1:14" ht="18.75">
      <c r="A114" s="17" t="s">
        <v>0</v>
      </c>
      <c r="B114" s="17" t="s">
        <v>36</v>
      </c>
      <c r="C114" s="18">
        <v>2</v>
      </c>
      <c r="D114" s="69" t="s">
        <v>101</v>
      </c>
      <c r="E114" s="19">
        <v>1395</v>
      </c>
      <c r="F114" s="19">
        <v>142</v>
      </c>
      <c r="G114" s="19">
        <v>806</v>
      </c>
      <c r="H114" s="19">
        <v>446</v>
      </c>
      <c r="I114" s="19">
        <v>172</v>
      </c>
      <c r="J114" s="19">
        <v>1</v>
      </c>
      <c r="K114" s="20">
        <v>10.199999999999999</v>
      </c>
      <c r="L114" s="29">
        <v>57.8</v>
      </c>
      <c r="M114" s="29">
        <v>32</v>
      </c>
      <c r="N114" s="30">
        <v>12.3</v>
      </c>
    </row>
    <row r="115" spans="1:14" ht="18.75">
      <c r="A115" s="21" t="s">
        <v>0</v>
      </c>
      <c r="B115" s="21" t="s">
        <v>36</v>
      </c>
      <c r="C115" s="22">
        <v>3</v>
      </c>
      <c r="D115" s="70" t="s">
        <v>102</v>
      </c>
      <c r="E115" s="23">
        <v>1374</v>
      </c>
      <c r="F115" s="23">
        <v>131</v>
      </c>
      <c r="G115" s="23">
        <v>731</v>
      </c>
      <c r="H115" s="23">
        <v>512</v>
      </c>
      <c r="I115" s="23">
        <v>247</v>
      </c>
      <c r="J115" s="23">
        <v>0</v>
      </c>
      <c r="K115" s="31">
        <v>9.5</v>
      </c>
      <c r="L115" s="31">
        <v>53.2</v>
      </c>
      <c r="M115" s="31">
        <v>37.299999999999997</v>
      </c>
      <c r="N115" s="32">
        <v>18</v>
      </c>
    </row>
    <row r="116" spans="1:14" ht="18.75">
      <c r="A116" s="14" t="s">
        <v>0</v>
      </c>
      <c r="B116" s="14" t="s">
        <v>35</v>
      </c>
      <c r="C116" s="15">
        <v>1</v>
      </c>
      <c r="D116" s="68" t="s">
        <v>100</v>
      </c>
      <c r="E116" s="16">
        <v>3064</v>
      </c>
      <c r="F116" s="16">
        <v>419</v>
      </c>
      <c r="G116" s="16">
        <v>1570</v>
      </c>
      <c r="H116" s="16">
        <v>1075</v>
      </c>
      <c r="I116" s="16">
        <v>631</v>
      </c>
      <c r="J116" s="16">
        <v>0</v>
      </c>
      <c r="K116" s="20">
        <v>13.7</v>
      </c>
      <c r="L116" s="20">
        <v>51.2</v>
      </c>
      <c r="M116" s="20">
        <v>35.1</v>
      </c>
      <c r="N116" s="20">
        <v>20.6</v>
      </c>
    </row>
    <row r="117" spans="1:14" ht="18.75">
      <c r="A117" s="17" t="s">
        <v>0</v>
      </c>
      <c r="B117" s="17" t="s">
        <v>35</v>
      </c>
      <c r="C117" s="18">
        <v>2</v>
      </c>
      <c r="D117" s="69" t="s">
        <v>101</v>
      </c>
      <c r="E117" s="19">
        <v>1432</v>
      </c>
      <c r="F117" s="19">
        <v>210</v>
      </c>
      <c r="G117" s="19">
        <v>802</v>
      </c>
      <c r="H117" s="19">
        <v>420</v>
      </c>
      <c r="I117" s="19">
        <v>236</v>
      </c>
      <c r="J117" s="19">
        <v>0</v>
      </c>
      <c r="K117" s="20">
        <v>14.7</v>
      </c>
      <c r="L117" s="29">
        <v>56</v>
      </c>
      <c r="M117" s="29">
        <v>29.3</v>
      </c>
      <c r="N117" s="30">
        <v>16.5</v>
      </c>
    </row>
    <row r="118" spans="1:14" ht="18.75">
      <c r="A118" s="21" t="s">
        <v>0</v>
      </c>
      <c r="B118" s="21" t="s">
        <v>35</v>
      </c>
      <c r="C118" s="22">
        <v>3</v>
      </c>
      <c r="D118" s="70" t="s">
        <v>102</v>
      </c>
      <c r="E118" s="23">
        <v>1632</v>
      </c>
      <c r="F118" s="23">
        <v>209</v>
      </c>
      <c r="G118" s="23">
        <v>768</v>
      </c>
      <c r="H118" s="23">
        <v>655</v>
      </c>
      <c r="I118" s="23">
        <v>395</v>
      </c>
      <c r="J118" s="23">
        <v>0</v>
      </c>
      <c r="K118" s="31">
        <v>12.8</v>
      </c>
      <c r="L118" s="31">
        <v>47.1</v>
      </c>
      <c r="M118" s="31">
        <v>40.1</v>
      </c>
      <c r="N118" s="32">
        <v>24.2</v>
      </c>
    </row>
    <row r="119" spans="1:14" ht="18.75">
      <c r="A119" s="14" t="s">
        <v>0</v>
      </c>
      <c r="B119" s="14" t="s">
        <v>32</v>
      </c>
      <c r="C119" s="15">
        <v>1</v>
      </c>
      <c r="D119" s="68" t="s">
        <v>100</v>
      </c>
      <c r="E119" s="16">
        <v>12380</v>
      </c>
      <c r="F119" s="16">
        <v>1382</v>
      </c>
      <c r="G119" s="16">
        <v>6815</v>
      </c>
      <c r="H119" s="16">
        <v>4009</v>
      </c>
      <c r="I119" s="16">
        <v>2117</v>
      </c>
      <c r="J119" s="16">
        <v>174</v>
      </c>
      <c r="K119" s="20">
        <v>11.3</v>
      </c>
      <c r="L119" s="20">
        <v>55.8</v>
      </c>
      <c r="M119" s="20">
        <v>32.799999999999997</v>
      </c>
      <c r="N119" s="20">
        <v>17.3</v>
      </c>
    </row>
    <row r="120" spans="1:14" ht="18.75">
      <c r="A120" s="17" t="s">
        <v>0</v>
      </c>
      <c r="B120" s="17" t="s">
        <v>32</v>
      </c>
      <c r="C120" s="18">
        <v>2</v>
      </c>
      <c r="D120" s="69" t="s">
        <v>101</v>
      </c>
      <c r="E120" s="19">
        <v>5982</v>
      </c>
      <c r="F120" s="19">
        <v>693</v>
      </c>
      <c r="G120" s="19">
        <v>3466</v>
      </c>
      <c r="H120" s="19">
        <v>1705</v>
      </c>
      <c r="I120" s="19">
        <v>807</v>
      </c>
      <c r="J120" s="19">
        <v>118</v>
      </c>
      <c r="K120" s="20">
        <v>11.8</v>
      </c>
      <c r="L120" s="29">
        <v>59.1</v>
      </c>
      <c r="M120" s="29">
        <v>29.1</v>
      </c>
      <c r="N120" s="30">
        <v>13.8</v>
      </c>
    </row>
    <row r="121" spans="1:14" ht="18.75">
      <c r="A121" s="21" t="s">
        <v>0</v>
      </c>
      <c r="B121" s="21" t="s">
        <v>32</v>
      </c>
      <c r="C121" s="22">
        <v>3</v>
      </c>
      <c r="D121" s="70" t="s">
        <v>102</v>
      </c>
      <c r="E121" s="23">
        <v>6398</v>
      </c>
      <c r="F121" s="23">
        <v>689</v>
      </c>
      <c r="G121" s="23">
        <v>3349</v>
      </c>
      <c r="H121" s="23">
        <v>2304</v>
      </c>
      <c r="I121" s="23">
        <v>1310</v>
      </c>
      <c r="J121" s="23">
        <v>56</v>
      </c>
      <c r="K121" s="31">
        <v>10.9</v>
      </c>
      <c r="L121" s="31">
        <v>52.8</v>
      </c>
      <c r="M121" s="31">
        <v>36.299999999999997</v>
      </c>
      <c r="N121" s="32">
        <v>20.7</v>
      </c>
    </row>
    <row r="122" spans="1:14" ht="18.75">
      <c r="A122" s="14" t="s">
        <v>0</v>
      </c>
      <c r="B122" s="14" t="s">
        <v>33</v>
      </c>
      <c r="C122" s="15">
        <v>1</v>
      </c>
      <c r="D122" s="68" t="s">
        <v>100</v>
      </c>
      <c r="E122" s="16">
        <v>4186</v>
      </c>
      <c r="F122" s="16">
        <v>397</v>
      </c>
      <c r="G122" s="16">
        <v>2294</v>
      </c>
      <c r="H122" s="16">
        <v>1444</v>
      </c>
      <c r="I122" s="16">
        <v>695</v>
      </c>
      <c r="J122" s="16">
        <v>51</v>
      </c>
      <c r="K122" s="20">
        <v>9.6</v>
      </c>
      <c r="L122" s="20">
        <v>55.5</v>
      </c>
      <c r="M122" s="20">
        <v>34.9</v>
      </c>
      <c r="N122" s="20">
        <v>16.8</v>
      </c>
    </row>
    <row r="123" spans="1:14" ht="18.75">
      <c r="A123" s="17" t="s">
        <v>0</v>
      </c>
      <c r="B123" s="17" t="s">
        <v>33</v>
      </c>
      <c r="C123" s="18">
        <v>2</v>
      </c>
      <c r="D123" s="69" t="s">
        <v>101</v>
      </c>
      <c r="E123" s="19">
        <v>2022</v>
      </c>
      <c r="F123" s="19">
        <v>194</v>
      </c>
      <c r="G123" s="19">
        <v>1176</v>
      </c>
      <c r="H123" s="19">
        <v>622</v>
      </c>
      <c r="I123" s="19">
        <v>268</v>
      </c>
      <c r="J123" s="19">
        <v>30</v>
      </c>
      <c r="K123" s="20">
        <v>9.6999999999999993</v>
      </c>
      <c r="L123" s="29">
        <v>59</v>
      </c>
      <c r="M123" s="29">
        <v>31.2</v>
      </c>
      <c r="N123" s="30">
        <v>13.5</v>
      </c>
    </row>
    <row r="124" spans="1:14" ht="18.75">
      <c r="A124" s="21" t="s">
        <v>0</v>
      </c>
      <c r="B124" s="21" t="s">
        <v>33</v>
      </c>
      <c r="C124" s="22">
        <v>3</v>
      </c>
      <c r="D124" s="70" t="s">
        <v>102</v>
      </c>
      <c r="E124" s="23">
        <v>2164</v>
      </c>
      <c r="F124" s="23">
        <v>203</v>
      </c>
      <c r="G124" s="23">
        <v>1118</v>
      </c>
      <c r="H124" s="23">
        <v>822</v>
      </c>
      <c r="I124" s="23">
        <v>427</v>
      </c>
      <c r="J124" s="23">
        <v>21</v>
      </c>
      <c r="K124" s="31">
        <v>9.5</v>
      </c>
      <c r="L124" s="31">
        <v>52.2</v>
      </c>
      <c r="M124" s="31">
        <v>38.4</v>
      </c>
      <c r="N124" s="32">
        <v>19.899999999999999</v>
      </c>
    </row>
    <row r="125" spans="1:14" ht="18.75">
      <c r="A125" s="14" t="s">
        <v>0</v>
      </c>
      <c r="B125" s="14" t="s">
        <v>31</v>
      </c>
      <c r="C125" s="15">
        <v>1</v>
      </c>
      <c r="D125" s="68" t="s">
        <v>100</v>
      </c>
      <c r="E125" s="16">
        <v>1549</v>
      </c>
      <c r="F125" s="16">
        <v>191</v>
      </c>
      <c r="G125" s="16">
        <v>856</v>
      </c>
      <c r="H125" s="16">
        <v>497</v>
      </c>
      <c r="I125" s="16">
        <v>254</v>
      </c>
      <c r="J125" s="16">
        <v>5</v>
      </c>
      <c r="K125" s="20">
        <v>12.4</v>
      </c>
      <c r="L125" s="20">
        <v>55.4</v>
      </c>
      <c r="M125" s="20">
        <v>32.200000000000003</v>
      </c>
      <c r="N125" s="20">
        <v>16.5</v>
      </c>
    </row>
    <row r="126" spans="1:14" ht="18.75">
      <c r="A126" s="17" t="s">
        <v>0</v>
      </c>
      <c r="B126" s="17" t="s">
        <v>31</v>
      </c>
      <c r="C126" s="18">
        <v>2</v>
      </c>
      <c r="D126" s="69" t="s">
        <v>101</v>
      </c>
      <c r="E126" s="19">
        <v>762</v>
      </c>
      <c r="F126" s="19">
        <v>95</v>
      </c>
      <c r="G126" s="19">
        <v>451</v>
      </c>
      <c r="H126" s="19">
        <v>211</v>
      </c>
      <c r="I126" s="19">
        <v>94</v>
      </c>
      <c r="J126" s="19">
        <v>5</v>
      </c>
      <c r="K126" s="20">
        <v>12.5</v>
      </c>
      <c r="L126" s="29">
        <v>59.6</v>
      </c>
      <c r="M126" s="29">
        <v>27.9</v>
      </c>
      <c r="N126" s="30">
        <v>12.4</v>
      </c>
    </row>
    <row r="127" spans="1:14" ht="18.75">
      <c r="A127" s="21" t="s">
        <v>0</v>
      </c>
      <c r="B127" s="21" t="s">
        <v>31</v>
      </c>
      <c r="C127" s="22">
        <v>3</v>
      </c>
      <c r="D127" s="70" t="s">
        <v>102</v>
      </c>
      <c r="E127" s="23">
        <v>787</v>
      </c>
      <c r="F127" s="23">
        <v>96</v>
      </c>
      <c r="G127" s="23">
        <v>405</v>
      </c>
      <c r="H127" s="23">
        <v>286</v>
      </c>
      <c r="I127" s="23">
        <v>160</v>
      </c>
      <c r="J127" s="23">
        <v>0</v>
      </c>
      <c r="K127" s="31">
        <v>12.2</v>
      </c>
      <c r="L127" s="31">
        <v>51.5</v>
      </c>
      <c r="M127" s="31">
        <v>36.299999999999997</v>
      </c>
      <c r="N127" s="32">
        <v>20.3</v>
      </c>
    </row>
    <row r="128" spans="1:14" ht="18.75">
      <c r="A128" s="14" t="s">
        <v>0</v>
      </c>
      <c r="B128" s="14" t="s">
        <v>29</v>
      </c>
      <c r="C128" s="15">
        <v>1</v>
      </c>
      <c r="D128" s="68" t="s">
        <v>100</v>
      </c>
      <c r="E128" s="16">
        <v>2342</v>
      </c>
      <c r="F128" s="16">
        <v>104</v>
      </c>
      <c r="G128" s="16">
        <v>1667</v>
      </c>
      <c r="H128" s="16">
        <v>434</v>
      </c>
      <c r="I128" s="16">
        <v>187</v>
      </c>
      <c r="J128" s="16">
        <v>137</v>
      </c>
      <c r="K128" s="20">
        <v>4.7</v>
      </c>
      <c r="L128" s="20">
        <v>75.599999999999994</v>
      </c>
      <c r="M128" s="20">
        <v>19.7</v>
      </c>
      <c r="N128" s="20">
        <v>8.5</v>
      </c>
    </row>
    <row r="129" spans="1:14" ht="18.75">
      <c r="A129" s="17" t="s">
        <v>0</v>
      </c>
      <c r="B129" s="17" t="s">
        <v>29</v>
      </c>
      <c r="C129" s="18">
        <v>2</v>
      </c>
      <c r="D129" s="69" t="s">
        <v>101</v>
      </c>
      <c r="E129" s="19">
        <v>1165</v>
      </c>
      <c r="F129" s="19">
        <v>47</v>
      </c>
      <c r="G129" s="19">
        <v>843</v>
      </c>
      <c r="H129" s="19">
        <v>198</v>
      </c>
      <c r="I129" s="19">
        <v>80</v>
      </c>
      <c r="J129" s="19">
        <v>77</v>
      </c>
      <c r="K129" s="20">
        <v>4.3</v>
      </c>
      <c r="L129" s="29">
        <v>77.5</v>
      </c>
      <c r="M129" s="29">
        <v>18.2</v>
      </c>
      <c r="N129" s="30">
        <v>7.4</v>
      </c>
    </row>
    <row r="130" spans="1:14" ht="18.75">
      <c r="A130" s="21" t="s">
        <v>0</v>
      </c>
      <c r="B130" s="21" t="s">
        <v>29</v>
      </c>
      <c r="C130" s="22">
        <v>3</v>
      </c>
      <c r="D130" s="70" t="s">
        <v>102</v>
      </c>
      <c r="E130" s="23">
        <v>1177</v>
      </c>
      <c r="F130" s="23">
        <v>57</v>
      </c>
      <c r="G130" s="23">
        <v>824</v>
      </c>
      <c r="H130" s="23">
        <v>236</v>
      </c>
      <c r="I130" s="23">
        <v>107</v>
      </c>
      <c r="J130" s="23">
        <v>60</v>
      </c>
      <c r="K130" s="31">
        <v>5.0999999999999996</v>
      </c>
      <c r="L130" s="31">
        <v>73.8</v>
      </c>
      <c r="M130" s="31">
        <v>21.1</v>
      </c>
      <c r="N130" s="32">
        <v>9.6</v>
      </c>
    </row>
    <row r="131" spans="1:14" ht="18.75">
      <c r="A131" s="14" t="s">
        <v>0</v>
      </c>
      <c r="B131" s="14" t="s">
        <v>30</v>
      </c>
      <c r="C131" s="15">
        <v>1</v>
      </c>
      <c r="D131" s="68" t="s">
        <v>100</v>
      </c>
      <c r="E131" s="16">
        <v>3307</v>
      </c>
      <c r="F131" s="16">
        <v>352</v>
      </c>
      <c r="G131" s="16">
        <v>1700</v>
      </c>
      <c r="H131" s="16">
        <v>1227</v>
      </c>
      <c r="I131" s="16">
        <v>630</v>
      </c>
      <c r="J131" s="16">
        <v>28</v>
      </c>
      <c r="K131" s="20">
        <v>10.7</v>
      </c>
      <c r="L131" s="20">
        <v>51.8</v>
      </c>
      <c r="M131" s="20">
        <v>37.4</v>
      </c>
      <c r="N131" s="20">
        <v>19.2</v>
      </c>
    </row>
    <row r="132" spans="1:14" ht="18.75">
      <c r="A132" s="17" t="s">
        <v>0</v>
      </c>
      <c r="B132" s="17" t="s">
        <v>30</v>
      </c>
      <c r="C132" s="18">
        <v>2</v>
      </c>
      <c r="D132" s="69" t="s">
        <v>101</v>
      </c>
      <c r="E132" s="19">
        <v>1585</v>
      </c>
      <c r="F132" s="19">
        <v>174</v>
      </c>
      <c r="G132" s="19">
        <v>857</v>
      </c>
      <c r="H132" s="19">
        <v>531</v>
      </c>
      <c r="I132" s="19">
        <v>245</v>
      </c>
      <c r="J132" s="19">
        <v>23</v>
      </c>
      <c r="K132" s="20">
        <v>11.1</v>
      </c>
      <c r="L132" s="29">
        <v>54.9</v>
      </c>
      <c r="M132" s="29">
        <v>34</v>
      </c>
      <c r="N132" s="30">
        <v>15.7</v>
      </c>
    </row>
    <row r="133" spans="1:14" ht="18.75">
      <c r="A133" s="21" t="s">
        <v>0</v>
      </c>
      <c r="B133" s="21" t="s">
        <v>30</v>
      </c>
      <c r="C133" s="22">
        <v>3</v>
      </c>
      <c r="D133" s="70" t="s">
        <v>102</v>
      </c>
      <c r="E133" s="23">
        <v>1722</v>
      </c>
      <c r="F133" s="23">
        <v>178</v>
      </c>
      <c r="G133" s="23">
        <v>843</v>
      </c>
      <c r="H133" s="23">
        <v>696</v>
      </c>
      <c r="I133" s="23">
        <v>385</v>
      </c>
      <c r="J133" s="23">
        <v>5</v>
      </c>
      <c r="K133" s="31">
        <v>10.4</v>
      </c>
      <c r="L133" s="31">
        <v>49.1</v>
      </c>
      <c r="M133" s="31">
        <v>40.5</v>
      </c>
      <c r="N133" s="32">
        <v>22.4</v>
      </c>
    </row>
    <row r="134" spans="1:14" ht="18.75">
      <c r="A134" s="14" t="s">
        <v>0</v>
      </c>
      <c r="B134" s="14" t="s">
        <v>28</v>
      </c>
      <c r="C134" s="15">
        <v>1</v>
      </c>
      <c r="D134" s="68" t="s">
        <v>100</v>
      </c>
      <c r="E134" s="16">
        <v>971</v>
      </c>
      <c r="F134" s="16">
        <v>102</v>
      </c>
      <c r="G134" s="16">
        <v>528</v>
      </c>
      <c r="H134" s="16">
        <v>341</v>
      </c>
      <c r="I134" s="16">
        <v>144</v>
      </c>
      <c r="J134" s="16">
        <v>0</v>
      </c>
      <c r="K134" s="20">
        <v>10.5</v>
      </c>
      <c r="L134" s="20">
        <v>54.4</v>
      </c>
      <c r="M134" s="20">
        <v>35.1</v>
      </c>
      <c r="N134" s="20">
        <v>14.8</v>
      </c>
    </row>
    <row r="135" spans="1:14" ht="18.75">
      <c r="A135" s="17" t="s">
        <v>0</v>
      </c>
      <c r="B135" s="17" t="s">
        <v>28</v>
      </c>
      <c r="C135" s="18">
        <v>2</v>
      </c>
      <c r="D135" s="69" t="s">
        <v>101</v>
      </c>
      <c r="E135" s="19">
        <v>466</v>
      </c>
      <c r="F135" s="19">
        <v>53</v>
      </c>
      <c r="G135" s="19">
        <v>256</v>
      </c>
      <c r="H135" s="19">
        <v>157</v>
      </c>
      <c r="I135" s="19">
        <v>65</v>
      </c>
      <c r="J135" s="19">
        <v>0</v>
      </c>
      <c r="K135" s="20">
        <v>11.4</v>
      </c>
      <c r="L135" s="29">
        <v>54.9</v>
      </c>
      <c r="M135" s="29">
        <v>33.700000000000003</v>
      </c>
      <c r="N135" s="30">
        <v>13.9</v>
      </c>
    </row>
    <row r="136" spans="1:14" ht="18.75">
      <c r="A136" s="21" t="s">
        <v>0</v>
      </c>
      <c r="B136" s="21" t="s">
        <v>28</v>
      </c>
      <c r="C136" s="22">
        <v>3</v>
      </c>
      <c r="D136" s="70" t="s">
        <v>102</v>
      </c>
      <c r="E136" s="23">
        <v>505</v>
      </c>
      <c r="F136" s="23">
        <v>49</v>
      </c>
      <c r="G136" s="23">
        <v>272</v>
      </c>
      <c r="H136" s="23">
        <v>184</v>
      </c>
      <c r="I136" s="23">
        <v>79</v>
      </c>
      <c r="J136" s="23">
        <v>0</v>
      </c>
      <c r="K136" s="31">
        <v>9.6999999999999993</v>
      </c>
      <c r="L136" s="31">
        <v>53.9</v>
      </c>
      <c r="M136" s="31">
        <v>36.4</v>
      </c>
      <c r="N136" s="32">
        <v>15.6</v>
      </c>
    </row>
    <row r="137" spans="1:14" ht="18.75">
      <c r="A137" s="14" t="s">
        <v>0</v>
      </c>
      <c r="B137" s="14" t="s">
        <v>43</v>
      </c>
      <c r="C137" s="15">
        <v>1</v>
      </c>
      <c r="D137" s="68" t="s">
        <v>100</v>
      </c>
      <c r="E137" s="16">
        <v>3292</v>
      </c>
      <c r="F137" s="16">
        <v>289</v>
      </c>
      <c r="G137" s="16">
        <v>1577</v>
      </c>
      <c r="H137" s="16">
        <v>1401</v>
      </c>
      <c r="I137" s="16">
        <v>721</v>
      </c>
      <c r="J137" s="16">
        <v>25</v>
      </c>
      <c r="K137" s="20">
        <v>8.8000000000000007</v>
      </c>
      <c r="L137" s="20">
        <v>48.3</v>
      </c>
      <c r="M137" s="20">
        <v>42.9</v>
      </c>
      <c r="N137" s="20">
        <v>22.1</v>
      </c>
    </row>
    <row r="138" spans="1:14" ht="18.75">
      <c r="A138" s="17" t="s">
        <v>0</v>
      </c>
      <c r="B138" s="17" t="s">
        <v>43</v>
      </c>
      <c r="C138" s="18">
        <v>2</v>
      </c>
      <c r="D138" s="69" t="s">
        <v>101</v>
      </c>
      <c r="E138" s="19">
        <v>1541</v>
      </c>
      <c r="F138" s="19">
        <v>142</v>
      </c>
      <c r="G138" s="19">
        <v>793</v>
      </c>
      <c r="H138" s="19">
        <v>591</v>
      </c>
      <c r="I138" s="19">
        <v>277</v>
      </c>
      <c r="J138" s="19">
        <v>15</v>
      </c>
      <c r="K138" s="20">
        <v>9.3000000000000007</v>
      </c>
      <c r="L138" s="29">
        <v>52</v>
      </c>
      <c r="M138" s="29">
        <v>38.700000000000003</v>
      </c>
      <c r="N138" s="30">
        <v>18.2</v>
      </c>
    </row>
    <row r="139" spans="1:14" ht="18.75">
      <c r="A139" s="21" t="s">
        <v>0</v>
      </c>
      <c r="B139" s="21" t="s">
        <v>43</v>
      </c>
      <c r="C139" s="22">
        <v>3</v>
      </c>
      <c r="D139" s="70" t="s">
        <v>102</v>
      </c>
      <c r="E139" s="23">
        <v>1751</v>
      </c>
      <c r="F139" s="23">
        <v>147</v>
      </c>
      <c r="G139" s="23">
        <v>784</v>
      </c>
      <c r="H139" s="23">
        <v>810</v>
      </c>
      <c r="I139" s="23">
        <v>444</v>
      </c>
      <c r="J139" s="23">
        <v>10</v>
      </c>
      <c r="K139" s="31">
        <v>8.4</v>
      </c>
      <c r="L139" s="31">
        <v>45</v>
      </c>
      <c r="M139" s="31">
        <v>46.5</v>
      </c>
      <c r="N139" s="32">
        <v>25.5</v>
      </c>
    </row>
    <row r="140" spans="1:14" ht="18.75">
      <c r="A140" s="14" t="s">
        <v>0</v>
      </c>
      <c r="B140" s="14" t="s">
        <v>42</v>
      </c>
      <c r="C140" s="15">
        <v>1</v>
      </c>
      <c r="D140" s="68" t="s">
        <v>100</v>
      </c>
      <c r="E140" s="16">
        <v>4099</v>
      </c>
      <c r="F140" s="16">
        <v>336</v>
      </c>
      <c r="G140" s="16">
        <v>1979</v>
      </c>
      <c r="H140" s="16">
        <v>1767</v>
      </c>
      <c r="I140" s="16">
        <v>1062</v>
      </c>
      <c r="J140" s="16">
        <v>17</v>
      </c>
      <c r="K140" s="20">
        <v>8.1999999999999993</v>
      </c>
      <c r="L140" s="20">
        <v>48.5</v>
      </c>
      <c r="M140" s="20">
        <v>43.3</v>
      </c>
      <c r="N140" s="20">
        <v>26</v>
      </c>
    </row>
    <row r="141" spans="1:14" ht="18.75">
      <c r="A141" s="17" t="s">
        <v>0</v>
      </c>
      <c r="B141" s="17" t="s">
        <v>42</v>
      </c>
      <c r="C141" s="18">
        <v>2</v>
      </c>
      <c r="D141" s="69" t="s">
        <v>101</v>
      </c>
      <c r="E141" s="19">
        <v>1920</v>
      </c>
      <c r="F141" s="19">
        <v>174</v>
      </c>
      <c r="G141" s="19">
        <v>1015</v>
      </c>
      <c r="H141" s="19">
        <v>719</v>
      </c>
      <c r="I141" s="19">
        <v>391</v>
      </c>
      <c r="J141" s="19">
        <v>12</v>
      </c>
      <c r="K141" s="20">
        <v>9.1</v>
      </c>
      <c r="L141" s="29">
        <v>53.2</v>
      </c>
      <c r="M141" s="29">
        <v>37.700000000000003</v>
      </c>
      <c r="N141" s="30">
        <v>20.5</v>
      </c>
    </row>
    <row r="142" spans="1:14" ht="18.75">
      <c r="A142" s="21" t="s">
        <v>0</v>
      </c>
      <c r="B142" s="21" t="s">
        <v>42</v>
      </c>
      <c r="C142" s="22">
        <v>3</v>
      </c>
      <c r="D142" s="70" t="s">
        <v>102</v>
      </c>
      <c r="E142" s="23">
        <v>2179</v>
      </c>
      <c r="F142" s="23">
        <v>162</v>
      </c>
      <c r="G142" s="23">
        <v>964</v>
      </c>
      <c r="H142" s="23">
        <v>1048</v>
      </c>
      <c r="I142" s="23">
        <v>671</v>
      </c>
      <c r="J142" s="23">
        <v>5</v>
      </c>
      <c r="K142" s="31">
        <v>7.5</v>
      </c>
      <c r="L142" s="31">
        <v>44.3</v>
      </c>
      <c r="M142" s="31">
        <v>48.2</v>
      </c>
      <c r="N142" s="32">
        <v>30.9</v>
      </c>
    </row>
    <row r="143" spans="1:14" ht="18.75">
      <c r="A143" s="14" t="s">
        <v>0</v>
      </c>
      <c r="B143" s="14" t="s">
        <v>44</v>
      </c>
      <c r="C143" s="15">
        <v>1</v>
      </c>
      <c r="D143" s="68" t="s">
        <v>100</v>
      </c>
      <c r="E143" s="16">
        <v>1826</v>
      </c>
      <c r="F143" s="16">
        <v>154</v>
      </c>
      <c r="G143" s="16">
        <v>907</v>
      </c>
      <c r="H143" s="16">
        <v>764</v>
      </c>
      <c r="I143" s="16">
        <v>365</v>
      </c>
      <c r="J143" s="16">
        <v>1</v>
      </c>
      <c r="K143" s="20">
        <v>8.4</v>
      </c>
      <c r="L143" s="20">
        <v>49.7</v>
      </c>
      <c r="M143" s="20">
        <v>41.9</v>
      </c>
      <c r="N143" s="20">
        <v>20</v>
      </c>
    </row>
    <row r="144" spans="1:14" ht="18.75">
      <c r="A144" s="17" t="s">
        <v>0</v>
      </c>
      <c r="B144" s="17" t="s">
        <v>44</v>
      </c>
      <c r="C144" s="18">
        <v>2</v>
      </c>
      <c r="D144" s="69" t="s">
        <v>101</v>
      </c>
      <c r="E144" s="19">
        <v>907</v>
      </c>
      <c r="F144" s="19">
        <v>85</v>
      </c>
      <c r="G144" s="19">
        <v>484</v>
      </c>
      <c r="H144" s="19">
        <v>337</v>
      </c>
      <c r="I144" s="19">
        <v>152</v>
      </c>
      <c r="J144" s="19">
        <v>1</v>
      </c>
      <c r="K144" s="20">
        <v>9.4</v>
      </c>
      <c r="L144" s="29">
        <v>53.4</v>
      </c>
      <c r="M144" s="29">
        <v>37.200000000000003</v>
      </c>
      <c r="N144" s="30">
        <v>16.8</v>
      </c>
    </row>
    <row r="145" spans="1:14" ht="18.75">
      <c r="A145" s="21" t="s">
        <v>0</v>
      </c>
      <c r="B145" s="21" t="s">
        <v>44</v>
      </c>
      <c r="C145" s="22">
        <v>3</v>
      </c>
      <c r="D145" s="70" t="s">
        <v>102</v>
      </c>
      <c r="E145" s="23">
        <v>919</v>
      </c>
      <c r="F145" s="23">
        <v>69</v>
      </c>
      <c r="G145" s="23">
        <v>423</v>
      </c>
      <c r="H145" s="23">
        <v>427</v>
      </c>
      <c r="I145" s="23">
        <v>213</v>
      </c>
      <c r="J145" s="23">
        <v>0</v>
      </c>
      <c r="K145" s="31">
        <v>7.5</v>
      </c>
      <c r="L145" s="31">
        <v>46</v>
      </c>
      <c r="M145" s="31">
        <v>46.5</v>
      </c>
      <c r="N145" s="32">
        <v>23.2</v>
      </c>
    </row>
    <row r="146" spans="1:14" ht="18.75">
      <c r="A146" s="14" t="s">
        <v>0</v>
      </c>
      <c r="B146" s="14" t="s">
        <v>46</v>
      </c>
      <c r="C146" s="15">
        <v>1</v>
      </c>
      <c r="D146" s="68" t="s">
        <v>100</v>
      </c>
      <c r="E146" s="16">
        <v>4049</v>
      </c>
      <c r="F146" s="16">
        <v>348</v>
      </c>
      <c r="G146" s="16">
        <v>2008</v>
      </c>
      <c r="H146" s="16">
        <v>1655</v>
      </c>
      <c r="I146" s="16">
        <v>868</v>
      </c>
      <c r="J146" s="16">
        <v>38</v>
      </c>
      <c r="K146" s="20">
        <v>8.6999999999999993</v>
      </c>
      <c r="L146" s="20">
        <v>50.1</v>
      </c>
      <c r="M146" s="20">
        <v>41.3</v>
      </c>
      <c r="N146" s="20">
        <v>21.6</v>
      </c>
    </row>
    <row r="147" spans="1:14" ht="18.75">
      <c r="A147" s="17" t="s">
        <v>0</v>
      </c>
      <c r="B147" s="17" t="s">
        <v>46</v>
      </c>
      <c r="C147" s="18">
        <v>2</v>
      </c>
      <c r="D147" s="69" t="s">
        <v>101</v>
      </c>
      <c r="E147" s="19">
        <v>1953</v>
      </c>
      <c r="F147" s="19">
        <v>186</v>
      </c>
      <c r="G147" s="19">
        <v>1052</v>
      </c>
      <c r="H147" s="19">
        <v>693</v>
      </c>
      <c r="I147" s="19">
        <v>296</v>
      </c>
      <c r="J147" s="19">
        <v>22</v>
      </c>
      <c r="K147" s="20">
        <v>9.6</v>
      </c>
      <c r="L147" s="29">
        <v>54.5</v>
      </c>
      <c r="M147" s="29">
        <v>35.9</v>
      </c>
      <c r="N147" s="30">
        <v>15.3</v>
      </c>
    </row>
    <row r="148" spans="1:14" ht="18.75">
      <c r="A148" s="21" t="s">
        <v>0</v>
      </c>
      <c r="B148" s="21" t="s">
        <v>46</v>
      </c>
      <c r="C148" s="22">
        <v>3</v>
      </c>
      <c r="D148" s="70" t="s">
        <v>102</v>
      </c>
      <c r="E148" s="23">
        <v>2096</v>
      </c>
      <c r="F148" s="23">
        <v>162</v>
      </c>
      <c r="G148" s="23">
        <v>956</v>
      </c>
      <c r="H148" s="23">
        <v>962</v>
      </c>
      <c r="I148" s="23">
        <v>572</v>
      </c>
      <c r="J148" s="23">
        <v>16</v>
      </c>
      <c r="K148" s="31">
        <v>7.8</v>
      </c>
      <c r="L148" s="31">
        <v>46</v>
      </c>
      <c r="M148" s="31">
        <v>46.3</v>
      </c>
      <c r="N148" s="32">
        <v>27.5</v>
      </c>
    </row>
    <row r="149" spans="1:14" ht="18.75">
      <c r="A149" s="14" t="s">
        <v>0</v>
      </c>
      <c r="B149" s="14" t="s">
        <v>45</v>
      </c>
      <c r="C149" s="15">
        <v>1</v>
      </c>
      <c r="D149" s="68" t="s">
        <v>100</v>
      </c>
      <c r="E149" s="16">
        <v>1590</v>
      </c>
      <c r="F149" s="16">
        <v>176</v>
      </c>
      <c r="G149" s="16">
        <v>969</v>
      </c>
      <c r="H149" s="16">
        <v>424</v>
      </c>
      <c r="I149" s="16">
        <v>212</v>
      </c>
      <c r="J149" s="16">
        <v>21</v>
      </c>
      <c r="K149" s="20">
        <v>11.2</v>
      </c>
      <c r="L149" s="20">
        <v>61.8</v>
      </c>
      <c r="M149" s="20">
        <v>27</v>
      </c>
      <c r="N149" s="20">
        <v>13.5</v>
      </c>
    </row>
    <row r="150" spans="1:14" ht="18.75">
      <c r="A150" s="17" t="s">
        <v>0</v>
      </c>
      <c r="B150" s="17" t="s">
        <v>45</v>
      </c>
      <c r="C150" s="18">
        <v>2</v>
      </c>
      <c r="D150" s="69" t="s">
        <v>101</v>
      </c>
      <c r="E150" s="19">
        <v>782</v>
      </c>
      <c r="F150" s="19">
        <v>93</v>
      </c>
      <c r="G150" s="19">
        <v>500</v>
      </c>
      <c r="H150" s="19">
        <v>180</v>
      </c>
      <c r="I150" s="19">
        <v>77</v>
      </c>
      <c r="J150" s="19">
        <v>9</v>
      </c>
      <c r="K150" s="20">
        <v>12</v>
      </c>
      <c r="L150" s="29">
        <v>64.7</v>
      </c>
      <c r="M150" s="29">
        <v>23.3</v>
      </c>
      <c r="N150" s="30">
        <v>10</v>
      </c>
    </row>
    <row r="151" spans="1:14" ht="18.75">
      <c r="A151" s="21" t="s">
        <v>0</v>
      </c>
      <c r="B151" s="21" t="s">
        <v>45</v>
      </c>
      <c r="C151" s="22">
        <v>3</v>
      </c>
      <c r="D151" s="70" t="s">
        <v>102</v>
      </c>
      <c r="E151" s="23">
        <v>808</v>
      </c>
      <c r="F151" s="23">
        <v>83</v>
      </c>
      <c r="G151" s="23">
        <v>469</v>
      </c>
      <c r="H151" s="23">
        <v>244</v>
      </c>
      <c r="I151" s="23">
        <v>135</v>
      </c>
      <c r="J151" s="23">
        <v>12</v>
      </c>
      <c r="K151" s="31">
        <v>10.4</v>
      </c>
      <c r="L151" s="31">
        <v>58.9</v>
      </c>
      <c r="M151" s="31">
        <v>30.7</v>
      </c>
      <c r="N151" s="32">
        <v>17</v>
      </c>
    </row>
    <row r="152" spans="1:14" ht="18.75">
      <c r="A152" s="14" t="s">
        <v>0</v>
      </c>
      <c r="B152" s="14" t="s">
        <v>5</v>
      </c>
      <c r="C152" s="15">
        <v>1</v>
      </c>
      <c r="D152" s="68" t="s">
        <v>100</v>
      </c>
      <c r="E152" s="16">
        <v>9659</v>
      </c>
      <c r="F152" s="16">
        <v>1231</v>
      </c>
      <c r="G152" s="16">
        <v>5967</v>
      </c>
      <c r="H152" s="16">
        <v>2141</v>
      </c>
      <c r="I152" s="16">
        <v>1276</v>
      </c>
      <c r="J152" s="16">
        <v>320</v>
      </c>
      <c r="K152" s="20">
        <v>13.2</v>
      </c>
      <c r="L152" s="20">
        <v>63.9</v>
      </c>
      <c r="M152" s="20">
        <v>22.9</v>
      </c>
      <c r="N152" s="20">
        <v>13.7</v>
      </c>
    </row>
    <row r="153" spans="1:14" ht="18.75">
      <c r="A153" s="17" t="s">
        <v>0</v>
      </c>
      <c r="B153" s="17" t="s">
        <v>5</v>
      </c>
      <c r="C153" s="18">
        <v>2</v>
      </c>
      <c r="D153" s="69" t="s">
        <v>101</v>
      </c>
      <c r="E153" s="19">
        <v>4634</v>
      </c>
      <c r="F153" s="19">
        <v>637</v>
      </c>
      <c r="G153" s="19">
        <v>2988</v>
      </c>
      <c r="H153" s="19">
        <v>812</v>
      </c>
      <c r="I153" s="19">
        <v>409</v>
      </c>
      <c r="J153" s="19">
        <v>197</v>
      </c>
      <c r="K153" s="20">
        <v>14.4</v>
      </c>
      <c r="L153" s="29">
        <v>67.3</v>
      </c>
      <c r="M153" s="29">
        <v>18.3</v>
      </c>
      <c r="N153" s="30">
        <v>9.1999999999999993</v>
      </c>
    </row>
    <row r="154" spans="1:14" ht="18.75">
      <c r="A154" s="21" t="s">
        <v>0</v>
      </c>
      <c r="B154" s="21" t="s">
        <v>5</v>
      </c>
      <c r="C154" s="22">
        <v>3</v>
      </c>
      <c r="D154" s="70" t="s">
        <v>102</v>
      </c>
      <c r="E154" s="23">
        <v>5025</v>
      </c>
      <c r="F154" s="23">
        <v>594</v>
      </c>
      <c r="G154" s="23">
        <v>2979</v>
      </c>
      <c r="H154" s="23">
        <v>1329</v>
      </c>
      <c r="I154" s="23">
        <v>867</v>
      </c>
      <c r="J154" s="23">
        <v>123</v>
      </c>
      <c r="K154" s="31">
        <v>12.1</v>
      </c>
      <c r="L154" s="31">
        <v>60.8</v>
      </c>
      <c r="M154" s="31">
        <v>27.1</v>
      </c>
      <c r="N154" s="32">
        <v>17.7</v>
      </c>
    </row>
    <row r="155" spans="1:14" ht="18.75">
      <c r="A155" s="14" t="s">
        <v>0</v>
      </c>
      <c r="B155" s="14" t="s">
        <v>20</v>
      </c>
      <c r="C155" s="15">
        <v>1</v>
      </c>
      <c r="D155" s="68" t="s">
        <v>100</v>
      </c>
      <c r="E155" s="16">
        <v>12529</v>
      </c>
      <c r="F155" s="16">
        <v>1547</v>
      </c>
      <c r="G155" s="16">
        <v>7531</v>
      </c>
      <c r="H155" s="16">
        <v>3111</v>
      </c>
      <c r="I155" s="16">
        <v>1483</v>
      </c>
      <c r="J155" s="16">
        <v>340</v>
      </c>
      <c r="K155" s="20">
        <v>12.7</v>
      </c>
      <c r="L155" s="20">
        <v>61.8</v>
      </c>
      <c r="M155" s="20">
        <v>25.5</v>
      </c>
      <c r="N155" s="20">
        <v>12.2</v>
      </c>
    </row>
    <row r="156" spans="1:14" ht="18.75">
      <c r="A156" s="17" t="s">
        <v>0</v>
      </c>
      <c r="B156" s="17" t="s">
        <v>20</v>
      </c>
      <c r="C156" s="18">
        <v>2</v>
      </c>
      <c r="D156" s="69" t="s">
        <v>101</v>
      </c>
      <c r="E156" s="19">
        <v>6308</v>
      </c>
      <c r="F156" s="19">
        <v>815</v>
      </c>
      <c r="G156" s="19">
        <v>3905</v>
      </c>
      <c r="H156" s="19">
        <v>1388</v>
      </c>
      <c r="I156" s="19">
        <v>607</v>
      </c>
      <c r="J156" s="19">
        <v>200</v>
      </c>
      <c r="K156" s="20">
        <v>13.3</v>
      </c>
      <c r="L156" s="29">
        <v>63.9</v>
      </c>
      <c r="M156" s="29">
        <v>22.7</v>
      </c>
      <c r="N156" s="30">
        <v>9.9</v>
      </c>
    </row>
    <row r="157" spans="1:14" ht="18.75">
      <c r="A157" s="21" t="s">
        <v>0</v>
      </c>
      <c r="B157" s="21" t="s">
        <v>20</v>
      </c>
      <c r="C157" s="22">
        <v>3</v>
      </c>
      <c r="D157" s="70" t="s">
        <v>102</v>
      </c>
      <c r="E157" s="23">
        <v>6221</v>
      </c>
      <c r="F157" s="23">
        <v>732</v>
      </c>
      <c r="G157" s="23">
        <v>3626</v>
      </c>
      <c r="H157" s="23">
        <v>1723</v>
      </c>
      <c r="I157" s="23">
        <v>876</v>
      </c>
      <c r="J157" s="23">
        <v>140</v>
      </c>
      <c r="K157" s="31">
        <v>12</v>
      </c>
      <c r="L157" s="31">
        <v>59.6</v>
      </c>
      <c r="M157" s="31">
        <v>28.3</v>
      </c>
      <c r="N157" s="32">
        <v>14.4</v>
      </c>
    </row>
    <row r="158" spans="1:14" ht="18.75">
      <c r="A158" s="14" t="s">
        <v>48</v>
      </c>
      <c r="B158" s="14" t="s">
        <v>51</v>
      </c>
      <c r="C158" s="15">
        <v>1</v>
      </c>
      <c r="D158" s="68" t="s">
        <v>100</v>
      </c>
      <c r="E158" s="16">
        <v>290</v>
      </c>
      <c r="F158" s="16">
        <v>20</v>
      </c>
      <c r="G158" s="16">
        <v>118</v>
      </c>
      <c r="H158" s="16">
        <v>152</v>
      </c>
      <c r="I158" s="16">
        <v>85</v>
      </c>
      <c r="J158" s="16">
        <v>0</v>
      </c>
      <c r="K158" s="20">
        <v>6.9</v>
      </c>
      <c r="L158" s="20">
        <v>40.700000000000003</v>
      </c>
      <c r="M158" s="20">
        <v>52.4</v>
      </c>
      <c r="N158" s="20">
        <v>29.3</v>
      </c>
    </row>
    <row r="159" spans="1:14" ht="18.75">
      <c r="A159" s="17" t="s">
        <v>48</v>
      </c>
      <c r="B159" s="17" t="s">
        <v>51</v>
      </c>
      <c r="C159" s="18">
        <v>2</v>
      </c>
      <c r="D159" s="69" t="s">
        <v>101</v>
      </c>
      <c r="E159" s="19">
        <v>139</v>
      </c>
      <c r="F159" s="19">
        <v>12</v>
      </c>
      <c r="G159" s="19">
        <v>66</v>
      </c>
      <c r="H159" s="19">
        <v>61</v>
      </c>
      <c r="I159" s="19">
        <v>30</v>
      </c>
      <c r="J159" s="19">
        <v>0</v>
      </c>
      <c r="K159" s="20">
        <v>8.6</v>
      </c>
      <c r="L159" s="29">
        <v>47.5</v>
      </c>
      <c r="M159" s="29">
        <v>43.9</v>
      </c>
      <c r="N159" s="30">
        <v>21.6</v>
      </c>
    </row>
    <row r="160" spans="1:14" ht="18.75">
      <c r="A160" s="21" t="s">
        <v>48</v>
      </c>
      <c r="B160" s="21" t="s">
        <v>51</v>
      </c>
      <c r="C160" s="22">
        <v>3</v>
      </c>
      <c r="D160" s="70" t="s">
        <v>102</v>
      </c>
      <c r="E160" s="23">
        <v>151</v>
      </c>
      <c r="F160" s="23">
        <v>8</v>
      </c>
      <c r="G160" s="23">
        <v>52</v>
      </c>
      <c r="H160" s="23">
        <v>91</v>
      </c>
      <c r="I160" s="23">
        <v>55</v>
      </c>
      <c r="J160" s="23">
        <v>0</v>
      </c>
      <c r="K160" s="31">
        <v>5.3</v>
      </c>
      <c r="L160" s="31">
        <v>34.4</v>
      </c>
      <c r="M160" s="31">
        <v>60.3</v>
      </c>
      <c r="N160" s="32">
        <v>36.4</v>
      </c>
    </row>
    <row r="161" spans="1:14" ht="18.75">
      <c r="A161" s="14" t="s">
        <v>48</v>
      </c>
      <c r="B161" s="14" t="s">
        <v>49</v>
      </c>
      <c r="C161" s="15">
        <v>1</v>
      </c>
      <c r="D161" s="68" t="s">
        <v>100</v>
      </c>
      <c r="E161" s="16">
        <v>248</v>
      </c>
      <c r="F161" s="16">
        <v>30</v>
      </c>
      <c r="G161" s="16">
        <v>123</v>
      </c>
      <c r="H161" s="16">
        <v>95</v>
      </c>
      <c r="I161" s="16">
        <v>53</v>
      </c>
      <c r="J161" s="16">
        <v>0</v>
      </c>
      <c r="K161" s="20">
        <v>12.1</v>
      </c>
      <c r="L161" s="20">
        <v>49.6</v>
      </c>
      <c r="M161" s="20">
        <v>38.299999999999997</v>
      </c>
      <c r="N161" s="20">
        <v>21.4</v>
      </c>
    </row>
    <row r="162" spans="1:14" ht="18.75">
      <c r="A162" s="17" t="s">
        <v>48</v>
      </c>
      <c r="B162" s="17" t="s">
        <v>49</v>
      </c>
      <c r="C162" s="18">
        <v>2</v>
      </c>
      <c r="D162" s="69" t="s">
        <v>101</v>
      </c>
      <c r="E162" s="19">
        <v>122</v>
      </c>
      <c r="F162" s="19">
        <v>15</v>
      </c>
      <c r="G162" s="19">
        <v>65</v>
      </c>
      <c r="H162" s="19">
        <v>42</v>
      </c>
      <c r="I162" s="19">
        <v>16</v>
      </c>
      <c r="J162" s="19">
        <v>0</v>
      </c>
      <c r="K162" s="20">
        <v>12.3</v>
      </c>
      <c r="L162" s="29">
        <v>53.3</v>
      </c>
      <c r="M162" s="29">
        <v>34.4</v>
      </c>
      <c r="N162" s="30">
        <v>13.1</v>
      </c>
    </row>
    <row r="163" spans="1:14" ht="18.75">
      <c r="A163" s="21" t="s">
        <v>48</v>
      </c>
      <c r="B163" s="21" t="s">
        <v>49</v>
      </c>
      <c r="C163" s="22">
        <v>3</v>
      </c>
      <c r="D163" s="70" t="s">
        <v>102</v>
      </c>
      <c r="E163" s="23">
        <v>126</v>
      </c>
      <c r="F163" s="23">
        <v>15</v>
      </c>
      <c r="G163" s="23">
        <v>58</v>
      </c>
      <c r="H163" s="23">
        <v>53</v>
      </c>
      <c r="I163" s="23">
        <v>37</v>
      </c>
      <c r="J163" s="23">
        <v>0</v>
      </c>
      <c r="K163" s="31">
        <v>11.9</v>
      </c>
      <c r="L163" s="31">
        <v>46</v>
      </c>
      <c r="M163" s="31">
        <v>42.1</v>
      </c>
      <c r="N163" s="32">
        <v>29.4</v>
      </c>
    </row>
    <row r="164" spans="1:14" ht="18.75">
      <c r="A164" s="14" t="s">
        <v>48</v>
      </c>
      <c r="B164" s="14" t="s">
        <v>90</v>
      </c>
      <c r="C164" s="15">
        <v>1</v>
      </c>
      <c r="D164" s="68" t="s">
        <v>100</v>
      </c>
      <c r="E164" s="16">
        <v>1993</v>
      </c>
      <c r="F164" s="16">
        <v>127</v>
      </c>
      <c r="G164" s="16">
        <v>1065</v>
      </c>
      <c r="H164" s="16">
        <v>801</v>
      </c>
      <c r="I164" s="16">
        <v>399</v>
      </c>
      <c r="J164" s="16">
        <v>0</v>
      </c>
      <c r="K164" s="20">
        <v>6.4</v>
      </c>
      <c r="L164" s="20">
        <v>53.4</v>
      </c>
      <c r="M164" s="20">
        <v>40.200000000000003</v>
      </c>
      <c r="N164" s="20">
        <v>20</v>
      </c>
    </row>
    <row r="165" spans="1:14" ht="18.75">
      <c r="A165" s="17" t="s">
        <v>48</v>
      </c>
      <c r="B165" s="17" t="s">
        <v>90</v>
      </c>
      <c r="C165" s="18">
        <v>2</v>
      </c>
      <c r="D165" s="69" t="s">
        <v>101</v>
      </c>
      <c r="E165" s="19">
        <v>1013</v>
      </c>
      <c r="F165" s="19">
        <v>62</v>
      </c>
      <c r="G165" s="19">
        <v>587</v>
      </c>
      <c r="H165" s="19">
        <v>364</v>
      </c>
      <c r="I165" s="19">
        <v>147</v>
      </c>
      <c r="J165" s="19">
        <v>0</v>
      </c>
      <c r="K165" s="20">
        <v>6.1</v>
      </c>
      <c r="L165" s="29">
        <v>57.9</v>
      </c>
      <c r="M165" s="29">
        <v>35.9</v>
      </c>
      <c r="N165" s="30">
        <v>14.5</v>
      </c>
    </row>
    <row r="166" spans="1:14" ht="18.75">
      <c r="A166" s="21" t="s">
        <v>48</v>
      </c>
      <c r="B166" s="21" t="s">
        <v>90</v>
      </c>
      <c r="C166" s="22">
        <v>3</v>
      </c>
      <c r="D166" s="70" t="s">
        <v>102</v>
      </c>
      <c r="E166" s="23">
        <v>980</v>
      </c>
      <c r="F166" s="23">
        <v>65</v>
      </c>
      <c r="G166" s="23">
        <v>478</v>
      </c>
      <c r="H166" s="23">
        <v>437</v>
      </c>
      <c r="I166" s="23">
        <v>252</v>
      </c>
      <c r="J166" s="23">
        <v>0</v>
      </c>
      <c r="K166" s="31">
        <v>6.6</v>
      </c>
      <c r="L166" s="31">
        <v>48.8</v>
      </c>
      <c r="M166" s="31">
        <v>44.6</v>
      </c>
      <c r="N166" s="32">
        <v>25.7</v>
      </c>
    </row>
    <row r="167" spans="1:14" ht="18.75">
      <c r="A167" s="14" t="s">
        <v>48</v>
      </c>
      <c r="B167" s="14" t="s">
        <v>47</v>
      </c>
      <c r="C167" s="15">
        <v>1</v>
      </c>
      <c r="D167" s="68" t="s">
        <v>100</v>
      </c>
      <c r="E167" s="16">
        <v>11138</v>
      </c>
      <c r="F167" s="16">
        <v>1062</v>
      </c>
      <c r="G167" s="16">
        <v>6359</v>
      </c>
      <c r="H167" s="16">
        <v>3685</v>
      </c>
      <c r="I167" s="16">
        <v>2009</v>
      </c>
      <c r="J167" s="16">
        <v>32</v>
      </c>
      <c r="K167" s="20">
        <v>9.6</v>
      </c>
      <c r="L167" s="20">
        <v>57.3</v>
      </c>
      <c r="M167" s="20">
        <v>33.200000000000003</v>
      </c>
      <c r="N167" s="20">
        <v>18.100000000000001</v>
      </c>
    </row>
    <row r="168" spans="1:14" ht="18.75">
      <c r="A168" s="17" t="s">
        <v>48</v>
      </c>
      <c r="B168" s="17" t="s">
        <v>47</v>
      </c>
      <c r="C168" s="18">
        <v>2</v>
      </c>
      <c r="D168" s="69" t="s">
        <v>101</v>
      </c>
      <c r="E168" s="19">
        <v>5383</v>
      </c>
      <c r="F168" s="19">
        <v>542</v>
      </c>
      <c r="G168" s="19">
        <v>3285</v>
      </c>
      <c r="H168" s="19">
        <v>1530</v>
      </c>
      <c r="I168" s="19">
        <v>736</v>
      </c>
      <c r="J168" s="19">
        <v>26</v>
      </c>
      <c r="K168" s="20">
        <v>10.1</v>
      </c>
      <c r="L168" s="29">
        <v>61.3</v>
      </c>
      <c r="M168" s="29">
        <v>28.6</v>
      </c>
      <c r="N168" s="30">
        <v>13.7</v>
      </c>
    </row>
    <row r="169" spans="1:14" ht="18.75">
      <c r="A169" s="21" t="s">
        <v>48</v>
      </c>
      <c r="B169" s="21" t="s">
        <v>47</v>
      </c>
      <c r="C169" s="22">
        <v>3</v>
      </c>
      <c r="D169" s="70" t="s">
        <v>102</v>
      </c>
      <c r="E169" s="23">
        <v>5755</v>
      </c>
      <c r="F169" s="23">
        <v>520</v>
      </c>
      <c r="G169" s="23">
        <v>3074</v>
      </c>
      <c r="H169" s="23">
        <v>2155</v>
      </c>
      <c r="I169" s="23">
        <v>1273</v>
      </c>
      <c r="J169" s="23">
        <v>6</v>
      </c>
      <c r="K169" s="31">
        <v>9</v>
      </c>
      <c r="L169" s="31">
        <v>53.5</v>
      </c>
      <c r="M169" s="31">
        <v>37.5</v>
      </c>
      <c r="N169" s="32">
        <v>22.1</v>
      </c>
    </row>
    <row r="170" spans="1:14" ht="18.75">
      <c r="A170" s="14" t="s">
        <v>48</v>
      </c>
      <c r="B170" s="14" t="s">
        <v>50</v>
      </c>
      <c r="C170" s="15">
        <v>1</v>
      </c>
      <c r="D170" s="68" t="s">
        <v>100</v>
      </c>
      <c r="E170" s="16">
        <v>7331</v>
      </c>
      <c r="F170" s="16">
        <v>1090</v>
      </c>
      <c r="G170" s="16">
        <v>4285</v>
      </c>
      <c r="H170" s="16">
        <v>1870</v>
      </c>
      <c r="I170" s="16">
        <v>941</v>
      </c>
      <c r="J170" s="16">
        <v>86</v>
      </c>
      <c r="K170" s="20">
        <v>15</v>
      </c>
      <c r="L170" s="20">
        <v>59.1</v>
      </c>
      <c r="M170" s="20">
        <v>25.8</v>
      </c>
      <c r="N170" s="20">
        <v>13</v>
      </c>
    </row>
    <row r="171" spans="1:14" ht="18.75">
      <c r="A171" s="17" t="s">
        <v>48</v>
      </c>
      <c r="B171" s="17" t="s">
        <v>50</v>
      </c>
      <c r="C171" s="18">
        <v>2</v>
      </c>
      <c r="D171" s="69" t="s">
        <v>101</v>
      </c>
      <c r="E171" s="19">
        <v>3622</v>
      </c>
      <c r="F171" s="19">
        <v>573</v>
      </c>
      <c r="G171" s="19">
        <v>2218</v>
      </c>
      <c r="H171" s="19">
        <v>803</v>
      </c>
      <c r="I171" s="19">
        <v>361</v>
      </c>
      <c r="J171" s="19">
        <v>28</v>
      </c>
      <c r="K171" s="20">
        <v>15.9</v>
      </c>
      <c r="L171" s="29">
        <v>61.7</v>
      </c>
      <c r="M171" s="29">
        <v>22.3</v>
      </c>
      <c r="N171" s="30">
        <v>10</v>
      </c>
    </row>
    <row r="172" spans="1:14" ht="18.75">
      <c r="A172" s="21" t="s">
        <v>48</v>
      </c>
      <c r="B172" s="21" t="s">
        <v>50</v>
      </c>
      <c r="C172" s="22">
        <v>3</v>
      </c>
      <c r="D172" s="70" t="s">
        <v>102</v>
      </c>
      <c r="E172" s="23">
        <v>3709</v>
      </c>
      <c r="F172" s="23">
        <v>517</v>
      </c>
      <c r="G172" s="23">
        <v>2067</v>
      </c>
      <c r="H172" s="23">
        <v>1067</v>
      </c>
      <c r="I172" s="23">
        <v>580</v>
      </c>
      <c r="J172" s="23">
        <v>58</v>
      </c>
      <c r="K172" s="31">
        <v>14.2</v>
      </c>
      <c r="L172" s="31">
        <v>56.6</v>
      </c>
      <c r="M172" s="31">
        <v>29.2</v>
      </c>
      <c r="N172" s="32">
        <v>15.9</v>
      </c>
    </row>
    <row r="173" spans="1:14" ht="18.75">
      <c r="A173" s="14" t="s">
        <v>53</v>
      </c>
      <c r="B173" s="14" t="s">
        <v>52</v>
      </c>
      <c r="C173" s="15">
        <v>1</v>
      </c>
      <c r="D173" s="68" t="s">
        <v>100</v>
      </c>
      <c r="E173" s="16">
        <v>2506</v>
      </c>
      <c r="F173" s="16">
        <v>206</v>
      </c>
      <c r="G173" s="16">
        <v>1318</v>
      </c>
      <c r="H173" s="16">
        <v>979</v>
      </c>
      <c r="I173" s="16">
        <v>492</v>
      </c>
      <c r="J173" s="16">
        <v>3</v>
      </c>
      <c r="K173" s="20">
        <v>8.1999999999999993</v>
      </c>
      <c r="L173" s="20">
        <v>52.7</v>
      </c>
      <c r="M173" s="20">
        <v>39.1</v>
      </c>
      <c r="N173" s="20">
        <v>19.7</v>
      </c>
    </row>
    <row r="174" spans="1:14" ht="18.75">
      <c r="A174" s="17" t="s">
        <v>53</v>
      </c>
      <c r="B174" s="17" t="s">
        <v>52</v>
      </c>
      <c r="C174" s="18">
        <v>2</v>
      </c>
      <c r="D174" s="69" t="s">
        <v>101</v>
      </c>
      <c r="E174" s="19">
        <v>1189</v>
      </c>
      <c r="F174" s="19">
        <v>114</v>
      </c>
      <c r="G174" s="19">
        <v>657</v>
      </c>
      <c r="H174" s="19">
        <v>417</v>
      </c>
      <c r="I174" s="19">
        <v>183</v>
      </c>
      <c r="J174" s="19">
        <v>1</v>
      </c>
      <c r="K174" s="20">
        <v>9.6</v>
      </c>
      <c r="L174" s="29">
        <v>55.3</v>
      </c>
      <c r="M174" s="29">
        <v>35.1</v>
      </c>
      <c r="N174" s="30">
        <v>15.4</v>
      </c>
    </row>
    <row r="175" spans="1:14" ht="18.75">
      <c r="A175" s="21" t="s">
        <v>53</v>
      </c>
      <c r="B175" s="21" t="s">
        <v>52</v>
      </c>
      <c r="C175" s="22">
        <v>3</v>
      </c>
      <c r="D175" s="70" t="s">
        <v>102</v>
      </c>
      <c r="E175" s="23">
        <v>1317</v>
      </c>
      <c r="F175" s="23">
        <v>92</v>
      </c>
      <c r="G175" s="23">
        <v>661</v>
      </c>
      <c r="H175" s="23">
        <v>562</v>
      </c>
      <c r="I175" s="23">
        <v>309</v>
      </c>
      <c r="J175" s="23">
        <v>2</v>
      </c>
      <c r="K175" s="31">
        <v>7</v>
      </c>
      <c r="L175" s="31">
        <v>50.3</v>
      </c>
      <c r="M175" s="31">
        <v>42.7</v>
      </c>
      <c r="N175" s="32">
        <v>23.5</v>
      </c>
    </row>
    <row r="176" spans="1:14" ht="18.75">
      <c r="A176" s="14" t="s">
        <v>53</v>
      </c>
      <c r="B176" s="14" t="s">
        <v>56</v>
      </c>
      <c r="C176" s="15">
        <v>1</v>
      </c>
      <c r="D176" s="68" t="s">
        <v>100</v>
      </c>
      <c r="E176" s="16">
        <v>815</v>
      </c>
      <c r="F176" s="16">
        <v>36</v>
      </c>
      <c r="G176" s="16">
        <v>363</v>
      </c>
      <c r="H176" s="16">
        <v>410</v>
      </c>
      <c r="I176" s="16">
        <v>237</v>
      </c>
      <c r="J176" s="16">
        <v>6</v>
      </c>
      <c r="K176" s="20">
        <v>4.4000000000000004</v>
      </c>
      <c r="L176" s="20">
        <v>44.9</v>
      </c>
      <c r="M176" s="20">
        <v>50.7</v>
      </c>
      <c r="N176" s="20">
        <v>29.3</v>
      </c>
    </row>
    <row r="177" spans="1:14" ht="18.75">
      <c r="A177" s="17" t="s">
        <v>53</v>
      </c>
      <c r="B177" s="17" t="s">
        <v>56</v>
      </c>
      <c r="C177" s="18">
        <v>2</v>
      </c>
      <c r="D177" s="69" t="s">
        <v>101</v>
      </c>
      <c r="E177" s="19">
        <v>381</v>
      </c>
      <c r="F177" s="19">
        <v>15</v>
      </c>
      <c r="G177" s="19">
        <v>186</v>
      </c>
      <c r="H177" s="19">
        <v>176</v>
      </c>
      <c r="I177" s="19">
        <v>97</v>
      </c>
      <c r="J177" s="19">
        <v>4</v>
      </c>
      <c r="K177" s="20">
        <v>4</v>
      </c>
      <c r="L177" s="29">
        <v>49.3</v>
      </c>
      <c r="M177" s="29">
        <v>46.7</v>
      </c>
      <c r="N177" s="30">
        <v>25.7</v>
      </c>
    </row>
    <row r="178" spans="1:14" ht="18.75">
      <c r="A178" s="21" t="s">
        <v>53</v>
      </c>
      <c r="B178" s="21" t="s">
        <v>56</v>
      </c>
      <c r="C178" s="22">
        <v>3</v>
      </c>
      <c r="D178" s="70" t="s">
        <v>102</v>
      </c>
      <c r="E178" s="23">
        <v>434</v>
      </c>
      <c r="F178" s="23">
        <v>21</v>
      </c>
      <c r="G178" s="23">
        <v>177</v>
      </c>
      <c r="H178" s="23">
        <v>234</v>
      </c>
      <c r="I178" s="23">
        <v>140</v>
      </c>
      <c r="J178" s="23">
        <v>2</v>
      </c>
      <c r="K178" s="31">
        <v>4.9000000000000004</v>
      </c>
      <c r="L178" s="31">
        <v>41</v>
      </c>
      <c r="M178" s="31">
        <v>54.2</v>
      </c>
      <c r="N178" s="32">
        <v>32.4</v>
      </c>
    </row>
    <row r="179" spans="1:14" ht="18.75">
      <c r="A179" s="14" t="s">
        <v>53</v>
      </c>
      <c r="B179" s="14" t="s">
        <v>54</v>
      </c>
      <c r="C179" s="15">
        <v>1</v>
      </c>
      <c r="D179" s="68" t="s">
        <v>100</v>
      </c>
      <c r="E179" s="16">
        <v>4963</v>
      </c>
      <c r="F179" s="16">
        <v>556</v>
      </c>
      <c r="G179" s="16">
        <v>2926</v>
      </c>
      <c r="H179" s="16">
        <v>1476</v>
      </c>
      <c r="I179" s="16">
        <v>731</v>
      </c>
      <c r="J179" s="16">
        <v>5</v>
      </c>
      <c r="K179" s="20">
        <v>11.2</v>
      </c>
      <c r="L179" s="20">
        <v>59</v>
      </c>
      <c r="M179" s="20">
        <v>29.8</v>
      </c>
      <c r="N179" s="20">
        <v>14.7</v>
      </c>
    </row>
    <row r="180" spans="1:14" ht="18.75">
      <c r="A180" s="17" t="s">
        <v>53</v>
      </c>
      <c r="B180" s="17" t="s">
        <v>54</v>
      </c>
      <c r="C180" s="18">
        <v>2</v>
      </c>
      <c r="D180" s="69" t="s">
        <v>101</v>
      </c>
      <c r="E180" s="19">
        <v>2411</v>
      </c>
      <c r="F180" s="19">
        <v>293</v>
      </c>
      <c r="G180" s="19">
        <v>1491</v>
      </c>
      <c r="H180" s="19">
        <v>624</v>
      </c>
      <c r="I180" s="19">
        <v>261</v>
      </c>
      <c r="J180" s="19">
        <v>3</v>
      </c>
      <c r="K180" s="20">
        <v>12.2</v>
      </c>
      <c r="L180" s="29">
        <v>61.9</v>
      </c>
      <c r="M180" s="29">
        <v>25.9</v>
      </c>
      <c r="N180" s="30">
        <v>10.8</v>
      </c>
    </row>
    <row r="181" spans="1:14" ht="18.75">
      <c r="A181" s="21" t="s">
        <v>53</v>
      </c>
      <c r="B181" s="21" t="s">
        <v>54</v>
      </c>
      <c r="C181" s="22">
        <v>3</v>
      </c>
      <c r="D181" s="70" t="s">
        <v>102</v>
      </c>
      <c r="E181" s="23">
        <v>2552</v>
      </c>
      <c r="F181" s="23">
        <v>263</v>
      </c>
      <c r="G181" s="23">
        <v>1435</v>
      </c>
      <c r="H181" s="23">
        <v>852</v>
      </c>
      <c r="I181" s="23">
        <v>470</v>
      </c>
      <c r="J181" s="23">
        <v>2</v>
      </c>
      <c r="K181" s="31">
        <v>10.3</v>
      </c>
      <c r="L181" s="31">
        <v>56.3</v>
      </c>
      <c r="M181" s="31">
        <v>33.4</v>
      </c>
      <c r="N181" s="32">
        <v>18.399999999999999</v>
      </c>
    </row>
    <row r="182" spans="1:14" ht="18.75">
      <c r="A182" s="14" t="s">
        <v>53</v>
      </c>
      <c r="B182" s="14" t="s">
        <v>55</v>
      </c>
      <c r="C182" s="15">
        <v>1</v>
      </c>
      <c r="D182" s="68" t="s">
        <v>100</v>
      </c>
      <c r="E182" s="16">
        <v>1037</v>
      </c>
      <c r="F182" s="16">
        <v>123</v>
      </c>
      <c r="G182" s="16">
        <v>592</v>
      </c>
      <c r="H182" s="16">
        <v>315</v>
      </c>
      <c r="I182" s="16">
        <v>158</v>
      </c>
      <c r="J182" s="16">
        <v>7</v>
      </c>
      <c r="K182" s="20">
        <v>11.9</v>
      </c>
      <c r="L182" s="20">
        <v>57.5</v>
      </c>
      <c r="M182" s="20">
        <v>30.6</v>
      </c>
      <c r="N182" s="20">
        <v>15.3</v>
      </c>
    </row>
    <row r="183" spans="1:14" ht="18.75">
      <c r="A183" s="17" t="s">
        <v>53</v>
      </c>
      <c r="B183" s="17" t="s">
        <v>55</v>
      </c>
      <c r="C183" s="18">
        <v>2</v>
      </c>
      <c r="D183" s="69" t="s">
        <v>101</v>
      </c>
      <c r="E183" s="19">
        <v>551</v>
      </c>
      <c r="F183" s="19">
        <v>66</v>
      </c>
      <c r="G183" s="19">
        <v>342</v>
      </c>
      <c r="H183" s="19">
        <v>137</v>
      </c>
      <c r="I183" s="19">
        <v>58</v>
      </c>
      <c r="J183" s="19">
        <v>6</v>
      </c>
      <c r="K183" s="20">
        <v>12.1</v>
      </c>
      <c r="L183" s="29">
        <v>62.8</v>
      </c>
      <c r="M183" s="29">
        <v>25.1</v>
      </c>
      <c r="N183" s="30">
        <v>10.6</v>
      </c>
    </row>
    <row r="184" spans="1:14" ht="18.75">
      <c r="A184" s="21" t="s">
        <v>53</v>
      </c>
      <c r="B184" s="21" t="s">
        <v>55</v>
      </c>
      <c r="C184" s="22">
        <v>3</v>
      </c>
      <c r="D184" s="70" t="s">
        <v>102</v>
      </c>
      <c r="E184" s="23">
        <v>486</v>
      </c>
      <c r="F184" s="23">
        <v>57</v>
      </c>
      <c r="G184" s="23">
        <v>250</v>
      </c>
      <c r="H184" s="23">
        <v>178</v>
      </c>
      <c r="I184" s="23">
        <v>100</v>
      </c>
      <c r="J184" s="23">
        <v>1</v>
      </c>
      <c r="K184" s="31">
        <v>11.8</v>
      </c>
      <c r="L184" s="31">
        <v>51.5</v>
      </c>
      <c r="M184" s="31">
        <v>36.700000000000003</v>
      </c>
      <c r="N184" s="32">
        <v>20.6</v>
      </c>
    </row>
    <row r="185" spans="1:14" ht="18.75">
      <c r="A185" s="14" t="s">
        <v>58</v>
      </c>
      <c r="B185" s="14" t="s">
        <v>59</v>
      </c>
      <c r="C185" s="15">
        <v>1</v>
      </c>
      <c r="D185" s="68" t="s">
        <v>100</v>
      </c>
      <c r="E185" s="16">
        <v>1953</v>
      </c>
      <c r="F185" s="16">
        <v>178</v>
      </c>
      <c r="G185" s="16">
        <v>887</v>
      </c>
      <c r="H185" s="16">
        <v>885</v>
      </c>
      <c r="I185" s="16">
        <v>490</v>
      </c>
      <c r="J185" s="16">
        <v>3</v>
      </c>
      <c r="K185" s="20">
        <v>9.1</v>
      </c>
      <c r="L185" s="20">
        <v>45.5</v>
      </c>
      <c r="M185" s="20">
        <v>45.4</v>
      </c>
      <c r="N185" s="20">
        <v>25.1</v>
      </c>
    </row>
    <row r="186" spans="1:14" ht="18.75">
      <c r="A186" s="17" t="s">
        <v>58</v>
      </c>
      <c r="B186" s="17" t="s">
        <v>59</v>
      </c>
      <c r="C186" s="18">
        <v>2</v>
      </c>
      <c r="D186" s="69" t="s">
        <v>101</v>
      </c>
      <c r="E186" s="19">
        <v>947</v>
      </c>
      <c r="F186" s="19">
        <v>92</v>
      </c>
      <c r="G186" s="19">
        <v>473</v>
      </c>
      <c r="H186" s="19">
        <v>379</v>
      </c>
      <c r="I186" s="19">
        <v>182</v>
      </c>
      <c r="J186" s="19">
        <v>3</v>
      </c>
      <c r="K186" s="20">
        <v>9.6999999999999993</v>
      </c>
      <c r="L186" s="29">
        <v>50.1</v>
      </c>
      <c r="M186" s="29">
        <v>40.1</v>
      </c>
      <c r="N186" s="30">
        <v>19.3</v>
      </c>
    </row>
    <row r="187" spans="1:14" ht="18.75">
      <c r="A187" s="21" t="s">
        <v>58</v>
      </c>
      <c r="B187" s="21" t="s">
        <v>59</v>
      </c>
      <c r="C187" s="22">
        <v>3</v>
      </c>
      <c r="D187" s="70" t="s">
        <v>102</v>
      </c>
      <c r="E187" s="23">
        <v>1006</v>
      </c>
      <c r="F187" s="23">
        <v>86</v>
      </c>
      <c r="G187" s="23">
        <v>414</v>
      </c>
      <c r="H187" s="23">
        <v>506</v>
      </c>
      <c r="I187" s="23">
        <v>308</v>
      </c>
      <c r="J187" s="23">
        <v>0</v>
      </c>
      <c r="K187" s="31">
        <v>8.5</v>
      </c>
      <c r="L187" s="31">
        <v>41.2</v>
      </c>
      <c r="M187" s="31">
        <v>50.3</v>
      </c>
      <c r="N187" s="32">
        <v>30.6</v>
      </c>
    </row>
    <row r="188" spans="1:14" ht="18.75">
      <c r="A188" s="14" t="s">
        <v>58</v>
      </c>
      <c r="B188" s="14" t="s">
        <v>57</v>
      </c>
      <c r="C188" s="15">
        <v>1</v>
      </c>
      <c r="D188" s="68" t="s">
        <v>100</v>
      </c>
      <c r="E188" s="16">
        <v>6979</v>
      </c>
      <c r="F188" s="16">
        <v>710</v>
      </c>
      <c r="G188" s="16">
        <v>3913</v>
      </c>
      <c r="H188" s="16">
        <v>2327</v>
      </c>
      <c r="I188" s="16">
        <v>1215</v>
      </c>
      <c r="J188" s="16">
        <v>29</v>
      </c>
      <c r="K188" s="20">
        <v>10.199999999999999</v>
      </c>
      <c r="L188" s="20">
        <v>56.3</v>
      </c>
      <c r="M188" s="20">
        <v>33.5</v>
      </c>
      <c r="N188" s="20">
        <v>17.5</v>
      </c>
    </row>
    <row r="189" spans="1:14" ht="18.75">
      <c r="A189" s="17" t="s">
        <v>58</v>
      </c>
      <c r="B189" s="17" t="s">
        <v>57</v>
      </c>
      <c r="C189" s="18">
        <v>2</v>
      </c>
      <c r="D189" s="69" t="s">
        <v>101</v>
      </c>
      <c r="E189" s="19">
        <v>3448</v>
      </c>
      <c r="F189" s="19">
        <v>349</v>
      </c>
      <c r="G189" s="19">
        <v>2032</v>
      </c>
      <c r="H189" s="19">
        <v>1045</v>
      </c>
      <c r="I189" s="19">
        <v>480</v>
      </c>
      <c r="J189" s="19">
        <v>22</v>
      </c>
      <c r="K189" s="20">
        <v>10.199999999999999</v>
      </c>
      <c r="L189" s="29">
        <v>59.3</v>
      </c>
      <c r="M189" s="29">
        <v>30.5</v>
      </c>
      <c r="N189" s="30">
        <v>14</v>
      </c>
    </row>
    <row r="190" spans="1:14" ht="18.75">
      <c r="A190" s="21" t="s">
        <v>58</v>
      </c>
      <c r="B190" s="21" t="s">
        <v>57</v>
      </c>
      <c r="C190" s="22">
        <v>3</v>
      </c>
      <c r="D190" s="70" t="s">
        <v>102</v>
      </c>
      <c r="E190" s="23">
        <v>3531</v>
      </c>
      <c r="F190" s="23">
        <v>361</v>
      </c>
      <c r="G190" s="23">
        <v>1881</v>
      </c>
      <c r="H190" s="23">
        <v>1282</v>
      </c>
      <c r="I190" s="23">
        <v>735</v>
      </c>
      <c r="J190" s="23">
        <v>7</v>
      </c>
      <c r="K190" s="31">
        <v>10.199999999999999</v>
      </c>
      <c r="L190" s="31">
        <v>53.4</v>
      </c>
      <c r="M190" s="31">
        <v>36.4</v>
      </c>
      <c r="N190" s="32">
        <v>20.9</v>
      </c>
    </row>
    <row r="191" spans="1:14" ht="18.75">
      <c r="A191" s="14" t="s">
        <v>58</v>
      </c>
      <c r="B191" s="14" t="s">
        <v>60</v>
      </c>
      <c r="C191" s="15">
        <v>1</v>
      </c>
      <c r="D191" s="68" t="s">
        <v>100</v>
      </c>
      <c r="E191" s="16">
        <v>6634</v>
      </c>
      <c r="F191" s="16">
        <v>793</v>
      </c>
      <c r="G191" s="16">
        <v>3691</v>
      </c>
      <c r="H191" s="16">
        <v>2094</v>
      </c>
      <c r="I191" s="16">
        <v>945</v>
      </c>
      <c r="J191" s="16">
        <v>56</v>
      </c>
      <c r="K191" s="20">
        <v>12.1</v>
      </c>
      <c r="L191" s="20">
        <v>56.1</v>
      </c>
      <c r="M191" s="20">
        <v>31.8</v>
      </c>
      <c r="N191" s="20">
        <v>14.4</v>
      </c>
    </row>
    <row r="192" spans="1:14" ht="18.75">
      <c r="A192" s="17" t="s">
        <v>58</v>
      </c>
      <c r="B192" s="17" t="s">
        <v>60</v>
      </c>
      <c r="C192" s="18">
        <v>2</v>
      </c>
      <c r="D192" s="69" t="s">
        <v>101</v>
      </c>
      <c r="E192" s="19">
        <v>3232</v>
      </c>
      <c r="F192" s="19">
        <v>396</v>
      </c>
      <c r="G192" s="19">
        <v>1857</v>
      </c>
      <c r="H192" s="19">
        <v>945</v>
      </c>
      <c r="I192" s="19">
        <v>388</v>
      </c>
      <c r="J192" s="19">
        <v>34</v>
      </c>
      <c r="K192" s="20">
        <v>12.4</v>
      </c>
      <c r="L192" s="29">
        <v>58.1</v>
      </c>
      <c r="M192" s="29">
        <v>29.5</v>
      </c>
      <c r="N192" s="30">
        <v>12.1</v>
      </c>
    </row>
    <row r="193" spans="1:14" ht="18.75">
      <c r="A193" s="21" t="s">
        <v>58</v>
      </c>
      <c r="B193" s="21" t="s">
        <v>60</v>
      </c>
      <c r="C193" s="22">
        <v>3</v>
      </c>
      <c r="D193" s="70" t="s">
        <v>102</v>
      </c>
      <c r="E193" s="23">
        <v>3402</v>
      </c>
      <c r="F193" s="23">
        <v>397</v>
      </c>
      <c r="G193" s="23">
        <v>1834</v>
      </c>
      <c r="H193" s="23">
        <v>1149</v>
      </c>
      <c r="I193" s="23">
        <v>557</v>
      </c>
      <c r="J193" s="23">
        <v>22</v>
      </c>
      <c r="K193" s="31">
        <v>11.7</v>
      </c>
      <c r="L193" s="31">
        <v>54.3</v>
      </c>
      <c r="M193" s="31">
        <v>34</v>
      </c>
      <c r="N193" s="32">
        <v>16.5</v>
      </c>
    </row>
    <row r="194" spans="1:14" ht="18.75">
      <c r="A194" s="14" t="s">
        <v>58</v>
      </c>
      <c r="B194" s="14" t="s">
        <v>62</v>
      </c>
      <c r="C194" s="15">
        <v>1</v>
      </c>
      <c r="D194" s="68" t="s">
        <v>100</v>
      </c>
      <c r="E194" s="16">
        <v>742</v>
      </c>
      <c r="F194" s="16">
        <v>65</v>
      </c>
      <c r="G194" s="16">
        <v>350</v>
      </c>
      <c r="H194" s="16">
        <v>327</v>
      </c>
      <c r="I194" s="16">
        <v>162</v>
      </c>
      <c r="J194" s="16">
        <v>0</v>
      </c>
      <c r="K194" s="20">
        <v>8.8000000000000007</v>
      </c>
      <c r="L194" s="20">
        <v>47.2</v>
      </c>
      <c r="M194" s="20">
        <v>44.1</v>
      </c>
      <c r="N194" s="20">
        <v>21.8</v>
      </c>
    </row>
    <row r="195" spans="1:14" ht="18.75">
      <c r="A195" s="17" t="s">
        <v>58</v>
      </c>
      <c r="B195" s="17" t="s">
        <v>62</v>
      </c>
      <c r="C195" s="18">
        <v>2</v>
      </c>
      <c r="D195" s="69" t="s">
        <v>101</v>
      </c>
      <c r="E195" s="19">
        <v>349</v>
      </c>
      <c r="F195" s="19">
        <v>31</v>
      </c>
      <c r="G195" s="19">
        <v>173</v>
      </c>
      <c r="H195" s="19">
        <v>145</v>
      </c>
      <c r="I195" s="19">
        <v>61</v>
      </c>
      <c r="J195" s="19">
        <v>0</v>
      </c>
      <c r="K195" s="20">
        <v>8.9</v>
      </c>
      <c r="L195" s="29">
        <v>49.6</v>
      </c>
      <c r="M195" s="29">
        <v>41.5</v>
      </c>
      <c r="N195" s="30">
        <v>17.5</v>
      </c>
    </row>
    <row r="196" spans="1:14" ht="18.75">
      <c r="A196" s="21" t="s">
        <v>58</v>
      </c>
      <c r="B196" s="21" t="s">
        <v>62</v>
      </c>
      <c r="C196" s="22">
        <v>3</v>
      </c>
      <c r="D196" s="70" t="s">
        <v>102</v>
      </c>
      <c r="E196" s="23">
        <v>393</v>
      </c>
      <c r="F196" s="23">
        <v>34</v>
      </c>
      <c r="G196" s="23">
        <v>177</v>
      </c>
      <c r="H196" s="23">
        <v>182</v>
      </c>
      <c r="I196" s="23">
        <v>101</v>
      </c>
      <c r="J196" s="23">
        <v>0</v>
      </c>
      <c r="K196" s="31">
        <v>8.6999999999999993</v>
      </c>
      <c r="L196" s="31">
        <v>45</v>
      </c>
      <c r="M196" s="31">
        <v>46.3</v>
      </c>
      <c r="N196" s="32">
        <v>25.7</v>
      </c>
    </row>
    <row r="197" spans="1:14" ht="18.75">
      <c r="A197" s="14" t="s">
        <v>58</v>
      </c>
      <c r="B197" s="14" t="s">
        <v>63</v>
      </c>
      <c r="C197" s="15">
        <v>1</v>
      </c>
      <c r="D197" s="68" t="s">
        <v>100</v>
      </c>
      <c r="E197" s="16">
        <v>388</v>
      </c>
      <c r="F197" s="16">
        <v>19</v>
      </c>
      <c r="G197" s="16">
        <v>191</v>
      </c>
      <c r="H197" s="16">
        <v>178</v>
      </c>
      <c r="I197" s="16">
        <v>96</v>
      </c>
      <c r="J197" s="16">
        <v>0</v>
      </c>
      <c r="K197" s="20">
        <v>4.9000000000000004</v>
      </c>
      <c r="L197" s="20">
        <v>49.2</v>
      </c>
      <c r="M197" s="20">
        <v>45.9</v>
      </c>
      <c r="N197" s="20">
        <v>24.7</v>
      </c>
    </row>
    <row r="198" spans="1:14" ht="18.75">
      <c r="A198" s="17" t="s">
        <v>58</v>
      </c>
      <c r="B198" s="17" t="s">
        <v>63</v>
      </c>
      <c r="C198" s="18">
        <v>2</v>
      </c>
      <c r="D198" s="69" t="s">
        <v>101</v>
      </c>
      <c r="E198" s="19">
        <v>181</v>
      </c>
      <c r="F198" s="19">
        <v>9</v>
      </c>
      <c r="G198" s="19">
        <v>96</v>
      </c>
      <c r="H198" s="19">
        <v>76</v>
      </c>
      <c r="I198" s="19">
        <v>35</v>
      </c>
      <c r="J198" s="19">
        <v>0</v>
      </c>
      <c r="K198" s="20">
        <v>5</v>
      </c>
      <c r="L198" s="29">
        <v>53</v>
      </c>
      <c r="M198" s="29">
        <v>42</v>
      </c>
      <c r="N198" s="30">
        <v>19.3</v>
      </c>
    </row>
    <row r="199" spans="1:14" ht="18.75">
      <c r="A199" s="21" t="s">
        <v>58</v>
      </c>
      <c r="B199" s="21" t="s">
        <v>63</v>
      </c>
      <c r="C199" s="22">
        <v>3</v>
      </c>
      <c r="D199" s="70" t="s">
        <v>102</v>
      </c>
      <c r="E199" s="23">
        <v>207</v>
      </c>
      <c r="F199" s="23">
        <v>10</v>
      </c>
      <c r="G199" s="23">
        <v>95</v>
      </c>
      <c r="H199" s="23">
        <v>102</v>
      </c>
      <c r="I199" s="23">
        <v>61</v>
      </c>
      <c r="J199" s="23">
        <v>0</v>
      </c>
      <c r="K199" s="31">
        <v>4.8</v>
      </c>
      <c r="L199" s="31">
        <v>45.9</v>
      </c>
      <c r="M199" s="31">
        <v>49.3</v>
      </c>
      <c r="N199" s="32">
        <v>29.5</v>
      </c>
    </row>
    <row r="200" spans="1:14" ht="18.75">
      <c r="A200" s="14" t="s">
        <v>58</v>
      </c>
      <c r="B200" s="14" t="s">
        <v>61</v>
      </c>
      <c r="C200" s="15">
        <v>1</v>
      </c>
      <c r="D200" s="68" t="s">
        <v>100</v>
      </c>
      <c r="E200" s="16">
        <v>1131</v>
      </c>
      <c r="F200" s="16">
        <v>111</v>
      </c>
      <c r="G200" s="16">
        <v>599</v>
      </c>
      <c r="H200" s="16">
        <v>421</v>
      </c>
      <c r="I200" s="16">
        <v>200</v>
      </c>
      <c r="J200" s="16">
        <v>0</v>
      </c>
      <c r="K200" s="20">
        <v>9.8000000000000007</v>
      </c>
      <c r="L200" s="20">
        <v>53</v>
      </c>
      <c r="M200" s="20">
        <v>37.200000000000003</v>
      </c>
      <c r="N200" s="20">
        <v>17.7</v>
      </c>
    </row>
    <row r="201" spans="1:14" ht="18.75">
      <c r="A201" s="17" t="s">
        <v>58</v>
      </c>
      <c r="B201" s="17" t="s">
        <v>61</v>
      </c>
      <c r="C201" s="18">
        <v>2</v>
      </c>
      <c r="D201" s="69" t="s">
        <v>101</v>
      </c>
      <c r="E201" s="19">
        <v>542</v>
      </c>
      <c r="F201" s="19">
        <v>50</v>
      </c>
      <c r="G201" s="19">
        <v>294</v>
      </c>
      <c r="H201" s="19">
        <v>198</v>
      </c>
      <c r="I201" s="19">
        <v>82</v>
      </c>
      <c r="J201" s="19">
        <v>0</v>
      </c>
      <c r="K201" s="20">
        <v>9.1999999999999993</v>
      </c>
      <c r="L201" s="29">
        <v>54.2</v>
      </c>
      <c r="M201" s="29">
        <v>36.5</v>
      </c>
      <c r="N201" s="30">
        <v>15.1</v>
      </c>
    </row>
    <row r="202" spans="1:14" ht="18.75">
      <c r="A202" s="21" t="s">
        <v>58</v>
      </c>
      <c r="B202" s="21" t="s">
        <v>61</v>
      </c>
      <c r="C202" s="22">
        <v>3</v>
      </c>
      <c r="D202" s="70" t="s">
        <v>102</v>
      </c>
      <c r="E202" s="23">
        <v>589</v>
      </c>
      <c r="F202" s="23">
        <v>61</v>
      </c>
      <c r="G202" s="23">
        <v>305</v>
      </c>
      <c r="H202" s="23">
        <v>223</v>
      </c>
      <c r="I202" s="23">
        <v>118</v>
      </c>
      <c r="J202" s="23">
        <v>0</v>
      </c>
      <c r="K202" s="31">
        <v>10.4</v>
      </c>
      <c r="L202" s="31">
        <v>51.8</v>
      </c>
      <c r="M202" s="31">
        <v>37.9</v>
      </c>
      <c r="N202" s="32">
        <v>20</v>
      </c>
    </row>
    <row r="203" spans="1:14" ht="18.75">
      <c r="A203" s="14" t="s">
        <v>58</v>
      </c>
      <c r="B203" s="14" t="s">
        <v>64</v>
      </c>
      <c r="C203" s="15">
        <v>1</v>
      </c>
      <c r="D203" s="68" t="s">
        <v>100</v>
      </c>
      <c r="E203" s="16">
        <v>677</v>
      </c>
      <c r="F203" s="16">
        <v>37</v>
      </c>
      <c r="G203" s="16">
        <v>295</v>
      </c>
      <c r="H203" s="16">
        <v>345</v>
      </c>
      <c r="I203" s="16">
        <v>175</v>
      </c>
      <c r="J203" s="16">
        <v>0</v>
      </c>
      <c r="K203" s="20">
        <v>5.5</v>
      </c>
      <c r="L203" s="20">
        <v>43.6</v>
      </c>
      <c r="M203" s="20">
        <v>51</v>
      </c>
      <c r="N203" s="20">
        <v>25.8</v>
      </c>
    </row>
    <row r="204" spans="1:14" ht="18.75">
      <c r="A204" s="17" t="s">
        <v>58</v>
      </c>
      <c r="B204" s="17" t="s">
        <v>64</v>
      </c>
      <c r="C204" s="18">
        <v>2</v>
      </c>
      <c r="D204" s="69" t="s">
        <v>101</v>
      </c>
      <c r="E204" s="19">
        <v>331</v>
      </c>
      <c r="F204" s="19">
        <v>20</v>
      </c>
      <c r="G204" s="19">
        <v>167</v>
      </c>
      <c r="H204" s="19">
        <v>144</v>
      </c>
      <c r="I204" s="19">
        <v>56</v>
      </c>
      <c r="J204" s="19">
        <v>0</v>
      </c>
      <c r="K204" s="20">
        <v>6</v>
      </c>
      <c r="L204" s="29">
        <v>50.5</v>
      </c>
      <c r="M204" s="29">
        <v>43.5</v>
      </c>
      <c r="N204" s="30">
        <v>16.899999999999999</v>
      </c>
    </row>
    <row r="205" spans="1:14" ht="18.75">
      <c r="A205" s="21" t="s">
        <v>58</v>
      </c>
      <c r="B205" s="21" t="s">
        <v>64</v>
      </c>
      <c r="C205" s="22">
        <v>3</v>
      </c>
      <c r="D205" s="70" t="s">
        <v>102</v>
      </c>
      <c r="E205" s="23">
        <v>346</v>
      </c>
      <c r="F205" s="23">
        <v>17</v>
      </c>
      <c r="G205" s="23">
        <v>128</v>
      </c>
      <c r="H205" s="23">
        <v>201</v>
      </c>
      <c r="I205" s="23">
        <v>119</v>
      </c>
      <c r="J205" s="23">
        <v>0</v>
      </c>
      <c r="K205" s="31">
        <v>4.9000000000000004</v>
      </c>
      <c r="L205" s="31">
        <v>37</v>
      </c>
      <c r="M205" s="31">
        <v>58.1</v>
      </c>
      <c r="N205" s="32">
        <v>34.4</v>
      </c>
    </row>
    <row r="206" spans="1:14" ht="18.75">
      <c r="A206" s="14" t="s">
        <v>58</v>
      </c>
      <c r="B206" s="14" t="s">
        <v>65</v>
      </c>
      <c r="C206" s="15">
        <v>1</v>
      </c>
      <c r="D206" s="68" t="s">
        <v>100</v>
      </c>
      <c r="E206" s="16">
        <v>130</v>
      </c>
      <c r="F206" s="16">
        <v>3</v>
      </c>
      <c r="G206" s="16">
        <v>48</v>
      </c>
      <c r="H206" s="16">
        <v>79</v>
      </c>
      <c r="I206" s="16">
        <v>48</v>
      </c>
      <c r="J206" s="16">
        <v>0</v>
      </c>
      <c r="K206" s="20">
        <v>2.2999999999999998</v>
      </c>
      <c r="L206" s="20">
        <v>36.9</v>
      </c>
      <c r="M206" s="20">
        <v>60.8</v>
      </c>
      <c r="N206" s="20">
        <v>36.9</v>
      </c>
    </row>
    <row r="207" spans="1:14" ht="18.75">
      <c r="A207" s="17" t="s">
        <v>58</v>
      </c>
      <c r="B207" s="17" t="s">
        <v>65</v>
      </c>
      <c r="C207" s="18">
        <v>2</v>
      </c>
      <c r="D207" s="69" t="s">
        <v>101</v>
      </c>
      <c r="E207" s="19">
        <v>58</v>
      </c>
      <c r="F207" s="19">
        <v>0</v>
      </c>
      <c r="G207" s="19">
        <v>24</v>
      </c>
      <c r="H207" s="19">
        <v>34</v>
      </c>
      <c r="I207" s="19">
        <v>16</v>
      </c>
      <c r="J207" s="19">
        <v>0</v>
      </c>
      <c r="K207" s="20">
        <v>0</v>
      </c>
      <c r="L207" s="29">
        <v>41.4</v>
      </c>
      <c r="M207" s="29">
        <v>58.6</v>
      </c>
      <c r="N207" s="30">
        <v>27.6</v>
      </c>
    </row>
    <row r="208" spans="1:14" ht="18.75">
      <c r="A208" s="21" t="s">
        <v>58</v>
      </c>
      <c r="B208" s="21" t="s">
        <v>65</v>
      </c>
      <c r="C208" s="22">
        <v>3</v>
      </c>
      <c r="D208" s="70" t="s">
        <v>102</v>
      </c>
      <c r="E208" s="23">
        <v>72</v>
      </c>
      <c r="F208" s="23">
        <v>3</v>
      </c>
      <c r="G208" s="23">
        <v>24</v>
      </c>
      <c r="H208" s="23">
        <v>45</v>
      </c>
      <c r="I208" s="23">
        <v>32</v>
      </c>
      <c r="J208" s="23">
        <v>0</v>
      </c>
      <c r="K208" s="31">
        <v>4.2</v>
      </c>
      <c r="L208" s="31">
        <v>33.299999999999997</v>
      </c>
      <c r="M208" s="31">
        <v>62.5</v>
      </c>
      <c r="N208" s="32">
        <v>44.4</v>
      </c>
    </row>
    <row r="209" spans="1:14" ht="18.75">
      <c r="A209" s="14" t="s">
        <v>58</v>
      </c>
      <c r="B209" s="14" t="s">
        <v>66</v>
      </c>
      <c r="C209" s="15">
        <v>1</v>
      </c>
      <c r="D209" s="68" t="s">
        <v>100</v>
      </c>
      <c r="E209" s="16">
        <v>39</v>
      </c>
      <c r="F209" s="16">
        <v>3</v>
      </c>
      <c r="G209" s="16">
        <v>11</v>
      </c>
      <c r="H209" s="16">
        <v>25</v>
      </c>
      <c r="I209" s="16">
        <v>21</v>
      </c>
      <c r="J209" s="16">
        <v>0</v>
      </c>
      <c r="K209" s="20">
        <v>7.7</v>
      </c>
      <c r="L209" s="20">
        <v>28.2</v>
      </c>
      <c r="M209" s="20">
        <v>64.099999999999994</v>
      </c>
      <c r="N209" s="20">
        <v>53.8</v>
      </c>
    </row>
    <row r="210" spans="1:14" ht="18.75">
      <c r="A210" s="17" t="s">
        <v>58</v>
      </c>
      <c r="B210" s="17" t="s">
        <v>66</v>
      </c>
      <c r="C210" s="18">
        <v>2</v>
      </c>
      <c r="D210" s="69" t="s">
        <v>101</v>
      </c>
      <c r="E210" s="19">
        <v>23</v>
      </c>
      <c r="F210" s="19">
        <v>3</v>
      </c>
      <c r="G210" s="19">
        <v>6</v>
      </c>
      <c r="H210" s="19">
        <v>14</v>
      </c>
      <c r="I210" s="19">
        <v>11</v>
      </c>
      <c r="J210" s="19">
        <v>0</v>
      </c>
      <c r="K210" s="20">
        <v>13</v>
      </c>
      <c r="L210" s="29">
        <v>26.1</v>
      </c>
      <c r="M210" s="29">
        <v>60.9</v>
      </c>
      <c r="N210" s="30">
        <v>47.8</v>
      </c>
    </row>
    <row r="211" spans="1:14" ht="18.75">
      <c r="A211" s="21" t="s">
        <v>58</v>
      </c>
      <c r="B211" s="21" t="s">
        <v>66</v>
      </c>
      <c r="C211" s="22">
        <v>3</v>
      </c>
      <c r="D211" s="70" t="s">
        <v>102</v>
      </c>
      <c r="E211" s="23">
        <v>16</v>
      </c>
      <c r="F211" s="23">
        <v>0</v>
      </c>
      <c r="G211" s="23">
        <v>5</v>
      </c>
      <c r="H211" s="23">
        <v>11</v>
      </c>
      <c r="I211" s="23">
        <v>10</v>
      </c>
      <c r="J211" s="23">
        <v>0</v>
      </c>
      <c r="K211" s="31">
        <v>0</v>
      </c>
      <c r="L211" s="31">
        <v>31.3</v>
      </c>
      <c r="M211" s="31">
        <v>68.8</v>
      </c>
      <c r="N211" s="32">
        <v>62.5</v>
      </c>
    </row>
    <row r="212" spans="1:14" ht="18.75">
      <c r="A212" s="14" t="s">
        <v>68</v>
      </c>
      <c r="B212" s="14" t="s">
        <v>67</v>
      </c>
      <c r="C212" s="15">
        <v>1</v>
      </c>
      <c r="D212" s="68" t="s">
        <v>100</v>
      </c>
      <c r="E212" s="16">
        <v>11747</v>
      </c>
      <c r="F212" s="16">
        <v>1778</v>
      </c>
      <c r="G212" s="16">
        <v>7411</v>
      </c>
      <c r="H212" s="16">
        <v>2453</v>
      </c>
      <c r="I212" s="16">
        <v>1129</v>
      </c>
      <c r="J212" s="16">
        <v>105</v>
      </c>
      <c r="K212" s="20">
        <v>15.3</v>
      </c>
      <c r="L212" s="20">
        <v>63.7</v>
      </c>
      <c r="M212" s="20">
        <v>21.1</v>
      </c>
      <c r="N212" s="20">
        <v>9.6999999999999993</v>
      </c>
    </row>
    <row r="213" spans="1:14" ht="18.75">
      <c r="A213" s="17" t="s">
        <v>68</v>
      </c>
      <c r="B213" s="17" t="s">
        <v>67</v>
      </c>
      <c r="C213" s="18">
        <v>2</v>
      </c>
      <c r="D213" s="69" t="s">
        <v>101</v>
      </c>
      <c r="E213" s="19">
        <v>5830</v>
      </c>
      <c r="F213" s="19">
        <v>884</v>
      </c>
      <c r="G213" s="19">
        <v>3765</v>
      </c>
      <c r="H213" s="19">
        <v>1110</v>
      </c>
      <c r="I213" s="19">
        <v>469</v>
      </c>
      <c r="J213" s="19">
        <v>71</v>
      </c>
      <c r="K213" s="20">
        <v>15.3</v>
      </c>
      <c r="L213" s="29">
        <v>65.400000000000006</v>
      </c>
      <c r="M213" s="29">
        <v>19.3</v>
      </c>
      <c r="N213" s="30">
        <v>8.1</v>
      </c>
    </row>
    <row r="214" spans="1:14" ht="18.75">
      <c r="A214" s="21" t="s">
        <v>68</v>
      </c>
      <c r="B214" s="21" t="s">
        <v>67</v>
      </c>
      <c r="C214" s="22">
        <v>3</v>
      </c>
      <c r="D214" s="70" t="s">
        <v>102</v>
      </c>
      <c r="E214" s="23">
        <v>5917</v>
      </c>
      <c r="F214" s="23">
        <v>894</v>
      </c>
      <c r="G214" s="23">
        <v>3646</v>
      </c>
      <c r="H214" s="23">
        <v>1343</v>
      </c>
      <c r="I214" s="23">
        <v>660</v>
      </c>
      <c r="J214" s="23">
        <v>34</v>
      </c>
      <c r="K214" s="31">
        <v>15.2</v>
      </c>
      <c r="L214" s="31">
        <v>62</v>
      </c>
      <c r="M214" s="31">
        <v>22.8</v>
      </c>
      <c r="N214" s="32">
        <v>11.2</v>
      </c>
    </row>
    <row r="215" spans="1:14" ht="18.75">
      <c r="A215" s="14" t="s">
        <v>68</v>
      </c>
      <c r="B215" s="14" t="s">
        <v>75</v>
      </c>
      <c r="C215" s="15">
        <v>1</v>
      </c>
      <c r="D215" s="68" t="s">
        <v>100</v>
      </c>
      <c r="E215" s="16">
        <v>11870</v>
      </c>
      <c r="F215" s="16">
        <v>2022</v>
      </c>
      <c r="G215" s="16">
        <v>7505</v>
      </c>
      <c r="H215" s="16">
        <v>2223</v>
      </c>
      <c r="I215" s="16">
        <v>1032</v>
      </c>
      <c r="J215" s="16">
        <v>120</v>
      </c>
      <c r="K215" s="20">
        <v>17.2</v>
      </c>
      <c r="L215" s="20">
        <v>63.9</v>
      </c>
      <c r="M215" s="20">
        <v>18.899999999999999</v>
      </c>
      <c r="N215" s="20">
        <v>8.8000000000000007</v>
      </c>
    </row>
    <row r="216" spans="1:14" ht="18.75">
      <c r="A216" s="17" t="s">
        <v>68</v>
      </c>
      <c r="B216" s="17" t="s">
        <v>75</v>
      </c>
      <c r="C216" s="18">
        <v>2</v>
      </c>
      <c r="D216" s="69" t="s">
        <v>101</v>
      </c>
      <c r="E216" s="19">
        <v>5818</v>
      </c>
      <c r="F216" s="19">
        <v>1051</v>
      </c>
      <c r="G216" s="19">
        <v>3736</v>
      </c>
      <c r="H216" s="19">
        <v>955</v>
      </c>
      <c r="I216" s="19">
        <v>409</v>
      </c>
      <c r="J216" s="19">
        <v>76</v>
      </c>
      <c r="K216" s="20">
        <v>18.3</v>
      </c>
      <c r="L216" s="29">
        <v>65.099999999999994</v>
      </c>
      <c r="M216" s="29">
        <v>16.600000000000001</v>
      </c>
      <c r="N216" s="30">
        <v>7.1</v>
      </c>
    </row>
    <row r="217" spans="1:14" ht="18.75">
      <c r="A217" s="21" t="s">
        <v>68</v>
      </c>
      <c r="B217" s="21" t="s">
        <v>75</v>
      </c>
      <c r="C217" s="22">
        <v>3</v>
      </c>
      <c r="D217" s="70" t="s">
        <v>102</v>
      </c>
      <c r="E217" s="23">
        <v>6052</v>
      </c>
      <c r="F217" s="23">
        <v>971</v>
      </c>
      <c r="G217" s="23">
        <v>3769</v>
      </c>
      <c r="H217" s="23">
        <v>1268</v>
      </c>
      <c r="I217" s="23">
        <v>623</v>
      </c>
      <c r="J217" s="23">
        <v>44</v>
      </c>
      <c r="K217" s="31">
        <v>16.2</v>
      </c>
      <c r="L217" s="31">
        <v>62.7</v>
      </c>
      <c r="M217" s="31">
        <v>21.1</v>
      </c>
      <c r="N217" s="32">
        <v>10.4</v>
      </c>
    </row>
    <row r="218" spans="1:14" ht="18.75">
      <c r="A218" s="14" t="s">
        <v>68</v>
      </c>
      <c r="B218" s="14" t="s">
        <v>74</v>
      </c>
      <c r="C218" s="15">
        <v>1</v>
      </c>
      <c r="D218" s="68" t="s">
        <v>100</v>
      </c>
      <c r="E218" s="16">
        <v>1358</v>
      </c>
      <c r="F218" s="16">
        <v>128</v>
      </c>
      <c r="G218" s="16">
        <v>772</v>
      </c>
      <c r="H218" s="16">
        <v>453</v>
      </c>
      <c r="I218" s="16">
        <v>244</v>
      </c>
      <c r="J218" s="16">
        <v>5</v>
      </c>
      <c r="K218" s="20">
        <v>9.5</v>
      </c>
      <c r="L218" s="20">
        <v>57.1</v>
      </c>
      <c r="M218" s="20">
        <v>33.5</v>
      </c>
      <c r="N218" s="20">
        <v>18</v>
      </c>
    </row>
    <row r="219" spans="1:14" ht="18.75">
      <c r="A219" s="17" t="s">
        <v>68</v>
      </c>
      <c r="B219" s="17" t="s">
        <v>74</v>
      </c>
      <c r="C219" s="18">
        <v>2</v>
      </c>
      <c r="D219" s="69" t="s">
        <v>101</v>
      </c>
      <c r="E219" s="19">
        <v>658</v>
      </c>
      <c r="F219" s="19">
        <v>65</v>
      </c>
      <c r="G219" s="19">
        <v>391</v>
      </c>
      <c r="H219" s="19">
        <v>200</v>
      </c>
      <c r="I219" s="19">
        <v>96</v>
      </c>
      <c r="J219" s="19">
        <v>2</v>
      </c>
      <c r="K219" s="20">
        <v>9.9</v>
      </c>
      <c r="L219" s="29">
        <v>59.6</v>
      </c>
      <c r="M219" s="29">
        <v>30.5</v>
      </c>
      <c r="N219" s="30">
        <v>14.6</v>
      </c>
    </row>
    <row r="220" spans="1:14" ht="18.75">
      <c r="A220" s="21" t="s">
        <v>68</v>
      </c>
      <c r="B220" s="21" t="s">
        <v>74</v>
      </c>
      <c r="C220" s="22">
        <v>3</v>
      </c>
      <c r="D220" s="70" t="s">
        <v>102</v>
      </c>
      <c r="E220" s="23">
        <v>700</v>
      </c>
      <c r="F220" s="23">
        <v>63</v>
      </c>
      <c r="G220" s="23">
        <v>381</v>
      </c>
      <c r="H220" s="23">
        <v>253</v>
      </c>
      <c r="I220" s="23">
        <v>148</v>
      </c>
      <c r="J220" s="23">
        <v>3</v>
      </c>
      <c r="K220" s="31">
        <v>9</v>
      </c>
      <c r="L220" s="31">
        <v>54.7</v>
      </c>
      <c r="M220" s="31">
        <v>36.299999999999997</v>
      </c>
      <c r="N220" s="32">
        <v>21.2</v>
      </c>
    </row>
    <row r="221" spans="1:14" ht="18.75">
      <c r="A221" s="14" t="s">
        <v>68</v>
      </c>
      <c r="B221" s="14" t="s">
        <v>70</v>
      </c>
      <c r="C221" s="15">
        <v>1</v>
      </c>
      <c r="D221" s="68" t="s">
        <v>100</v>
      </c>
      <c r="E221" s="16">
        <v>2122</v>
      </c>
      <c r="F221" s="16">
        <v>294</v>
      </c>
      <c r="G221" s="16">
        <v>1167</v>
      </c>
      <c r="H221" s="16">
        <v>657</v>
      </c>
      <c r="I221" s="16">
        <v>303</v>
      </c>
      <c r="J221" s="16">
        <v>4</v>
      </c>
      <c r="K221" s="20">
        <v>13.9</v>
      </c>
      <c r="L221" s="20">
        <v>55.1</v>
      </c>
      <c r="M221" s="20">
        <v>31</v>
      </c>
      <c r="N221" s="20">
        <v>14.3</v>
      </c>
    </row>
    <row r="222" spans="1:14" ht="18.75">
      <c r="A222" s="17" t="s">
        <v>68</v>
      </c>
      <c r="B222" s="17" t="s">
        <v>70</v>
      </c>
      <c r="C222" s="18">
        <v>2</v>
      </c>
      <c r="D222" s="69" t="s">
        <v>101</v>
      </c>
      <c r="E222" s="19">
        <v>1057</v>
      </c>
      <c r="F222" s="19">
        <v>153</v>
      </c>
      <c r="G222" s="19">
        <v>607</v>
      </c>
      <c r="H222" s="19">
        <v>296</v>
      </c>
      <c r="I222" s="19">
        <v>124</v>
      </c>
      <c r="J222" s="19">
        <v>1</v>
      </c>
      <c r="K222" s="20">
        <v>14.5</v>
      </c>
      <c r="L222" s="29">
        <v>57.5</v>
      </c>
      <c r="M222" s="29">
        <v>28</v>
      </c>
      <c r="N222" s="30">
        <v>11.7</v>
      </c>
    </row>
    <row r="223" spans="1:14" ht="18.75">
      <c r="A223" s="21" t="s">
        <v>68</v>
      </c>
      <c r="B223" s="21" t="s">
        <v>70</v>
      </c>
      <c r="C223" s="22">
        <v>3</v>
      </c>
      <c r="D223" s="70" t="s">
        <v>102</v>
      </c>
      <c r="E223" s="23">
        <v>1065</v>
      </c>
      <c r="F223" s="23">
        <v>141</v>
      </c>
      <c r="G223" s="23">
        <v>560</v>
      </c>
      <c r="H223" s="23">
        <v>361</v>
      </c>
      <c r="I223" s="23">
        <v>179</v>
      </c>
      <c r="J223" s="23">
        <v>3</v>
      </c>
      <c r="K223" s="31">
        <v>13.3</v>
      </c>
      <c r="L223" s="31">
        <v>52.7</v>
      </c>
      <c r="M223" s="31">
        <v>34</v>
      </c>
      <c r="N223" s="32">
        <v>16.899999999999999</v>
      </c>
    </row>
    <row r="224" spans="1:14" ht="18.75">
      <c r="A224" s="14" t="s">
        <v>68</v>
      </c>
      <c r="B224" s="14" t="s">
        <v>69</v>
      </c>
      <c r="C224" s="15">
        <v>1</v>
      </c>
      <c r="D224" s="68" t="s">
        <v>100</v>
      </c>
      <c r="E224" s="16">
        <v>3519</v>
      </c>
      <c r="F224" s="16">
        <v>470</v>
      </c>
      <c r="G224" s="16">
        <v>1926</v>
      </c>
      <c r="H224" s="16">
        <v>1116</v>
      </c>
      <c r="I224" s="16">
        <v>527</v>
      </c>
      <c r="J224" s="16">
        <v>7</v>
      </c>
      <c r="K224" s="20">
        <v>13.4</v>
      </c>
      <c r="L224" s="20">
        <v>54.8</v>
      </c>
      <c r="M224" s="20">
        <v>31.8</v>
      </c>
      <c r="N224" s="20">
        <v>15</v>
      </c>
    </row>
    <row r="225" spans="1:14" ht="18.75">
      <c r="A225" s="17" t="s">
        <v>68</v>
      </c>
      <c r="B225" s="17" t="s">
        <v>69</v>
      </c>
      <c r="C225" s="18">
        <v>2</v>
      </c>
      <c r="D225" s="69" t="s">
        <v>101</v>
      </c>
      <c r="E225" s="19">
        <v>1679</v>
      </c>
      <c r="F225" s="19">
        <v>244</v>
      </c>
      <c r="G225" s="19">
        <v>953</v>
      </c>
      <c r="H225" s="19">
        <v>477</v>
      </c>
      <c r="I225" s="19">
        <v>196</v>
      </c>
      <c r="J225" s="19">
        <v>5</v>
      </c>
      <c r="K225" s="20">
        <v>14.6</v>
      </c>
      <c r="L225" s="29">
        <v>56.9</v>
      </c>
      <c r="M225" s="29">
        <v>28.5</v>
      </c>
      <c r="N225" s="30">
        <v>11.7</v>
      </c>
    </row>
    <row r="226" spans="1:14" ht="18.75">
      <c r="A226" s="21" t="s">
        <v>68</v>
      </c>
      <c r="B226" s="21" t="s">
        <v>69</v>
      </c>
      <c r="C226" s="22">
        <v>3</v>
      </c>
      <c r="D226" s="70" t="s">
        <v>102</v>
      </c>
      <c r="E226" s="23">
        <v>1840</v>
      </c>
      <c r="F226" s="23">
        <v>226</v>
      </c>
      <c r="G226" s="23">
        <v>973</v>
      </c>
      <c r="H226" s="23">
        <v>639</v>
      </c>
      <c r="I226" s="23">
        <v>331</v>
      </c>
      <c r="J226" s="23">
        <v>2</v>
      </c>
      <c r="K226" s="31">
        <v>12.3</v>
      </c>
      <c r="L226" s="31">
        <v>52.9</v>
      </c>
      <c r="M226" s="31">
        <v>34.799999999999997</v>
      </c>
      <c r="N226" s="32">
        <v>18</v>
      </c>
    </row>
    <row r="227" spans="1:14" ht="18.75">
      <c r="A227" s="14" t="s">
        <v>68</v>
      </c>
      <c r="B227" s="14" t="s">
        <v>73</v>
      </c>
      <c r="C227" s="15">
        <v>1</v>
      </c>
      <c r="D227" s="68" t="s">
        <v>100</v>
      </c>
      <c r="E227" s="16">
        <v>4297</v>
      </c>
      <c r="F227" s="16">
        <v>459</v>
      </c>
      <c r="G227" s="16">
        <v>2226</v>
      </c>
      <c r="H227" s="16">
        <v>1607</v>
      </c>
      <c r="I227" s="16">
        <v>952</v>
      </c>
      <c r="J227" s="16">
        <v>5</v>
      </c>
      <c r="K227" s="20">
        <v>10.7</v>
      </c>
      <c r="L227" s="20">
        <v>51.9</v>
      </c>
      <c r="M227" s="20">
        <v>37.4</v>
      </c>
      <c r="N227" s="20">
        <v>22.2</v>
      </c>
    </row>
    <row r="228" spans="1:14" ht="18.75">
      <c r="A228" s="17" t="s">
        <v>68</v>
      </c>
      <c r="B228" s="17" t="s">
        <v>73</v>
      </c>
      <c r="C228" s="18">
        <v>2</v>
      </c>
      <c r="D228" s="69" t="s">
        <v>101</v>
      </c>
      <c r="E228" s="19">
        <v>1990</v>
      </c>
      <c r="F228" s="19">
        <v>249</v>
      </c>
      <c r="G228" s="19">
        <v>1106</v>
      </c>
      <c r="H228" s="19">
        <v>633</v>
      </c>
      <c r="I228" s="19">
        <v>307</v>
      </c>
      <c r="J228" s="19">
        <v>2</v>
      </c>
      <c r="K228" s="20">
        <v>12.5</v>
      </c>
      <c r="L228" s="29">
        <v>55.6</v>
      </c>
      <c r="M228" s="29">
        <v>31.8</v>
      </c>
      <c r="N228" s="30">
        <v>15.4</v>
      </c>
    </row>
    <row r="229" spans="1:14" ht="18.75">
      <c r="A229" s="21" t="s">
        <v>68</v>
      </c>
      <c r="B229" s="21" t="s">
        <v>73</v>
      </c>
      <c r="C229" s="22">
        <v>3</v>
      </c>
      <c r="D229" s="70" t="s">
        <v>102</v>
      </c>
      <c r="E229" s="23">
        <v>2307</v>
      </c>
      <c r="F229" s="23">
        <v>210</v>
      </c>
      <c r="G229" s="23">
        <v>1120</v>
      </c>
      <c r="H229" s="23">
        <v>974</v>
      </c>
      <c r="I229" s="23">
        <v>645</v>
      </c>
      <c r="J229" s="23">
        <v>3</v>
      </c>
      <c r="K229" s="31">
        <v>9.1</v>
      </c>
      <c r="L229" s="31">
        <v>48.6</v>
      </c>
      <c r="M229" s="31">
        <v>42.3</v>
      </c>
      <c r="N229" s="32">
        <v>28</v>
      </c>
    </row>
    <row r="230" spans="1:14" ht="18.75">
      <c r="A230" s="14" t="s">
        <v>68</v>
      </c>
      <c r="B230" s="14" t="s">
        <v>72</v>
      </c>
      <c r="C230" s="15">
        <v>1</v>
      </c>
      <c r="D230" s="68" t="s">
        <v>100</v>
      </c>
      <c r="E230" s="16">
        <v>1256</v>
      </c>
      <c r="F230" s="16">
        <v>142</v>
      </c>
      <c r="G230" s="16">
        <v>621</v>
      </c>
      <c r="H230" s="16">
        <v>493</v>
      </c>
      <c r="I230" s="16">
        <v>230</v>
      </c>
      <c r="J230" s="16">
        <v>0</v>
      </c>
      <c r="K230" s="20">
        <v>11.3</v>
      </c>
      <c r="L230" s="20">
        <v>49.4</v>
      </c>
      <c r="M230" s="20">
        <v>39.299999999999997</v>
      </c>
      <c r="N230" s="20">
        <v>18.3</v>
      </c>
    </row>
    <row r="231" spans="1:14" ht="18.75">
      <c r="A231" s="17" t="s">
        <v>68</v>
      </c>
      <c r="B231" s="17" t="s">
        <v>72</v>
      </c>
      <c r="C231" s="18">
        <v>2</v>
      </c>
      <c r="D231" s="69" t="s">
        <v>101</v>
      </c>
      <c r="E231" s="19">
        <v>619</v>
      </c>
      <c r="F231" s="19">
        <v>73</v>
      </c>
      <c r="G231" s="19">
        <v>324</v>
      </c>
      <c r="H231" s="19">
        <v>222</v>
      </c>
      <c r="I231" s="19">
        <v>84</v>
      </c>
      <c r="J231" s="19">
        <v>0</v>
      </c>
      <c r="K231" s="20">
        <v>11.8</v>
      </c>
      <c r="L231" s="29">
        <v>52.3</v>
      </c>
      <c r="M231" s="29">
        <v>35.9</v>
      </c>
      <c r="N231" s="30">
        <v>13.6</v>
      </c>
    </row>
    <row r="232" spans="1:14" ht="18.75">
      <c r="A232" s="21" t="s">
        <v>68</v>
      </c>
      <c r="B232" s="21" t="s">
        <v>72</v>
      </c>
      <c r="C232" s="22">
        <v>3</v>
      </c>
      <c r="D232" s="70" t="s">
        <v>102</v>
      </c>
      <c r="E232" s="23">
        <v>637</v>
      </c>
      <c r="F232" s="23">
        <v>69</v>
      </c>
      <c r="G232" s="23">
        <v>297</v>
      </c>
      <c r="H232" s="23">
        <v>271</v>
      </c>
      <c r="I232" s="23">
        <v>146</v>
      </c>
      <c r="J232" s="23">
        <v>0</v>
      </c>
      <c r="K232" s="31">
        <v>10.8</v>
      </c>
      <c r="L232" s="31">
        <v>46.6</v>
      </c>
      <c r="M232" s="31">
        <v>42.5</v>
      </c>
      <c r="N232" s="32">
        <v>22.9</v>
      </c>
    </row>
    <row r="233" spans="1:14" ht="18.75">
      <c r="A233" s="14" t="s">
        <v>68</v>
      </c>
      <c r="B233" s="14" t="s">
        <v>71</v>
      </c>
      <c r="C233" s="15">
        <v>1</v>
      </c>
      <c r="D233" s="68" t="s">
        <v>100</v>
      </c>
      <c r="E233" s="16">
        <v>4634</v>
      </c>
      <c r="F233" s="16">
        <v>568</v>
      </c>
      <c r="G233" s="16">
        <v>2679</v>
      </c>
      <c r="H233" s="16">
        <v>1363</v>
      </c>
      <c r="I233" s="16">
        <v>671</v>
      </c>
      <c r="J233" s="16">
        <v>24</v>
      </c>
      <c r="K233" s="20">
        <v>12.3</v>
      </c>
      <c r="L233" s="20">
        <v>58.1</v>
      </c>
      <c r="M233" s="20">
        <v>29.6</v>
      </c>
      <c r="N233" s="20">
        <v>14.6</v>
      </c>
    </row>
    <row r="234" spans="1:14" ht="18.75">
      <c r="A234" s="17" t="s">
        <v>68</v>
      </c>
      <c r="B234" s="17" t="s">
        <v>71</v>
      </c>
      <c r="C234" s="18">
        <v>2</v>
      </c>
      <c r="D234" s="69" t="s">
        <v>101</v>
      </c>
      <c r="E234" s="19">
        <v>2273</v>
      </c>
      <c r="F234" s="19">
        <v>315</v>
      </c>
      <c r="G234" s="19">
        <v>1333</v>
      </c>
      <c r="H234" s="19">
        <v>615</v>
      </c>
      <c r="I234" s="19">
        <v>273</v>
      </c>
      <c r="J234" s="19">
        <v>10</v>
      </c>
      <c r="K234" s="20">
        <v>13.9</v>
      </c>
      <c r="L234" s="29">
        <v>58.9</v>
      </c>
      <c r="M234" s="29">
        <v>27.2</v>
      </c>
      <c r="N234" s="30">
        <v>12.1</v>
      </c>
    </row>
    <row r="235" spans="1:14" ht="18.75">
      <c r="A235" s="21" t="s">
        <v>68</v>
      </c>
      <c r="B235" s="21" t="s">
        <v>71</v>
      </c>
      <c r="C235" s="22">
        <v>3</v>
      </c>
      <c r="D235" s="70" t="s">
        <v>102</v>
      </c>
      <c r="E235" s="23">
        <v>2361</v>
      </c>
      <c r="F235" s="23">
        <v>253</v>
      </c>
      <c r="G235" s="23">
        <v>1346</v>
      </c>
      <c r="H235" s="23">
        <v>748</v>
      </c>
      <c r="I235" s="23">
        <v>398</v>
      </c>
      <c r="J235" s="23">
        <v>14</v>
      </c>
      <c r="K235" s="31">
        <v>10.8</v>
      </c>
      <c r="L235" s="31">
        <v>57.3</v>
      </c>
      <c r="M235" s="31">
        <v>31.9</v>
      </c>
      <c r="N235" s="32">
        <v>17</v>
      </c>
    </row>
    <row r="236" spans="1:14" ht="18.75">
      <c r="A236" s="14" t="s">
        <v>77</v>
      </c>
      <c r="B236" s="14" t="s">
        <v>80</v>
      </c>
      <c r="C236" s="15">
        <v>1</v>
      </c>
      <c r="D236" s="68" t="s">
        <v>100</v>
      </c>
      <c r="E236" s="24" t="s">
        <v>110</v>
      </c>
      <c r="F236" s="24" t="s">
        <v>110</v>
      </c>
      <c r="G236" s="24" t="s">
        <v>110</v>
      </c>
      <c r="H236" s="24" t="s">
        <v>110</v>
      </c>
      <c r="I236" s="24" t="s">
        <v>110</v>
      </c>
      <c r="J236" s="24" t="s">
        <v>110</v>
      </c>
      <c r="K236" s="24" t="s">
        <v>110</v>
      </c>
      <c r="L236" s="24" t="s">
        <v>110</v>
      </c>
      <c r="M236" s="24" t="s">
        <v>110</v>
      </c>
      <c r="N236" s="24" t="s">
        <v>110</v>
      </c>
    </row>
    <row r="237" spans="1:14" ht="18.75">
      <c r="A237" s="17" t="s">
        <v>77</v>
      </c>
      <c r="B237" s="17" t="s">
        <v>80</v>
      </c>
      <c r="C237" s="18">
        <v>2</v>
      </c>
      <c r="D237" s="69" t="s">
        <v>101</v>
      </c>
      <c r="E237" s="25" t="s">
        <v>109</v>
      </c>
      <c r="F237" s="25" t="s">
        <v>109</v>
      </c>
      <c r="G237" s="25" t="s">
        <v>109</v>
      </c>
      <c r="H237" s="25" t="s">
        <v>109</v>
      </c>
      <c r="I237" s="25" t="s">
        <v>109</v>
      </c>
      <c r="J237" s="25" t="s">
        <v>109</v>
      </c>
      <c r="K237" s="25" t="s">
        <v>109</v>
      </c>
      <c r="L237" s="25" t="s">
        <v>109</v>
      </c>
      <c r="M237" s="25" t="s">
        <v>109</v>
      </c>
      <c r="N237" s="25" t="s">
        <v>109</v>
      </c>
    </row>
    <row r="238" spans="1:14" ht="18.75">
      <c r="A238" s="21" t="s">
        <v>77</v>
      </c>
      <c r="B238" s="21" t="s">
        <v>80</v>
      </c>
      <c r="C238" s="22">
        <v>3</v>
      </c>
      <c r="D238" s="70" t="s">
        <v>102</v>
      </c>
      <c r="E238" s="26" t="s">
        <v>109</v>
      </c>
      <c r="F238" s="26" t="s">
        <v>109</v>
      </c>
      <c r="G238" s="26" t="s">
        <v>109</v>
      </c>
      <c r="H238" s="26" t="s">
        <v>109</v>
      </c>
      <c r="I238" s="26" t="s">
        <v>109</v>
      </c>
      <c r="J238" s="26" t="s">
        <v>109</v>
      </c>
      <c r="K238" s="26" t="s">
        <v>109</v>
      </c>
      <c r="L238" s="26" t="s">
        <v>109</v>
      </c>
      <c r="M238" s="26" t="s">
        <v>109</v>
      </c>
      <c r="N238" s="26" t="s">
        <v>109</v>
      </c>
    </row>
    <row r="239" spans="1:14" ht="18.75">
      <c r="A239" s="14" t="s">
        <v>77</v>
      </c>
      <c r="B239" s="14" t="s">
        <v>78</v>
      </c>
      <c r="C239" s="15">
        <v>1</v>
      </c>
      <c r="D239" s="68" t="s">
        <v>100</v>
      </c>
      <c r="E239" s="16">
        <v>866</v>
      </c>
      <c r="F239" s="16">
        <v>91</v>
      </c>
      <c r="G239" s="16">
        <v>450</v>
      </c>
      <c r="H239" s="16">
        <v>325</v>
      </c>
      <c r="I239" s="16">
        <v>140</v>
      </c>
      <c r="J239" s="16">
        <v>0</v>
      </c>
      <c r="K239" s="20">
        <v>10.5</v>
      </c>
      <c r="L239" s="20">
        <v>52</v>
      </c>
      <c r="M239" s="20">
        <v>37.5</v>
      </c>
      <c r="N239" s="20">
        <v>16.2</v>
      </c>
    </row>
    <row r="240" spans="1:14" ht="18.75">
      <c r="A240" s="17" t="s">
        <v>77</v>
      </c>
      <c r="B240" s="17" t="s">
        <v>78</v>
      </c>
      <c r="C240" s="18">
        <v>2</v>
      </c>
      <c r="D240" s="69" t="s">
        <v>101</v>
      </c>
      <c r="E240" s="19">
        <v>414</v>
      </c>
      <c r="F240" s="19">
        <v>54</v>
      </c>
      <c r="G240" s="19">
        <v>211</v>
      </c>
      <c r="H240" s="19">
        <v>149</v>
      </c>
      <c r="I240" s="19">
        <v>52</v>
      </c>
      <c r="J240" s="19">
        <v>0</v>
      </c>
      <c r="K240" s="20">
        <v>13</v>
      </c>
      <c r="L240" s="29">
        <v>51</v>
      </c>
      <c r="M240" s="29">
        <v>36</v>
      </c>
      <c r="N240" s="30">
        <v>12.6</v>
      </c>
    </row>
    <row r="241" spans="1:14" ht="18.75">
      <c r="A241" s="21" t="s">
        <v>77</v>
      </c>
      <c r="B241" s="21" t="s">
        <v>78</v>
      </c>
      <c r="C241" s="22">
        <v>3</v>
      </c>
      <c r="D241" s="70" t="s">
        <v>102</v>
      </c>
      <c r="E241" s="23">
        <v>452</v>
      </c>
      <c r="F241" s="23">
        <v>37</v>
      </c>
      <c r="G241" s="23">
        <v>239</v>
      </c>
      <c r="H241" s="23">
        <v>176</v>
      </c>
      <c r="I241" s="23">
        <v>88</v>
      </c>
      <c r="J241" s="23">
        <v>0</v>
      </c>
      <c r="K241" s="31">
        <v>8.1999999999999993</v>
      </c>
      <c r="L241" s="31">
        <v>52.9</v>
      </c>
      <c r="M241" s="31">
        <v>38.9</v>
      </c>
      <c r="N241" s="32">
        <v>19.5</v>
      </c>
    </row>
    <row r="242" spans="1:14" ht="18.75">
      <c r="A242" s="14" t="s">
        <v>77</v>
      </c>
      <c r="B242" s="14" t="s">
        <v>76</v>
      </c>
      <c r="C242" s="15">
        <v>1</v>
      </c>
      <c r="D242" s="68" t="s">
        <v>100</v>
      </c>
      <c r="E242" s="24" t="s">
        <v>108</v>
      </c>
      <c r="F242" s="24" t="s">
        <v>108</v>
      </c>
      <c r="G242" s="24" t="s">
        <v>108</v>
      </c>
      <c r="H242" s="24" t="s">
        <v>108</v>
      </c>
      <c r="I242" s="24" t="s">
        <v>108</v>
      </c>
      <c r="J242" s="24" t="s">
        <v>108</v>
      </c>
      <c r="K242" s="27" t="s">
        <v>108</v>
      </c>
      <c r="L242" s="27" t="s">
        <v>108</v>
      </c>
      <c r="M242" s="27" t="s">
        <v>108</v>
      </c>
      <c r="N242" s="27" t="s">
        <v>108</v>
      </c>
    </row>
    <row r="243" spans="1:14" ht="18.75">
      <c r="A243" s="17" t="s">
        <v>77</v>
      </c>
      <c r="B243" s="17" t="s">
        <v>76</v>
      </c>
      <c r="C243" s="18">
        <v>2</v>
      </c>
      <c r="D243" s="69" t="s">
        <v>101</v>
      </c>
      <c r="E243" s="25" t="s">
        <v>108</v>
      </c>
      <c r="F243" s="25" t="s">
        <v>108</v>
      </c>
      <c r="G243" s="25" t="s">
        <v>108</v>
      </c>
      <c r="H243" s="25" t="s">
        <v>108</v>
      </c>
      <c r="I243" s="25" t="s">
        <v>108</v>
      </c>
      <c r="J243" s="25" t="s">
        <v>108</v>
      </c>
      <c r="K243" s="27" t="s">
        <v>108</v>
      </c>
      <c r="L243" s="27" t="s">
        <v>108</v>
      </c>
      <c r="M243" s="27" t="s">
        <v>108</v>
      </c>
      <c r="N243" s="33" t="s">
        <v>108</v>
      </c>
    </row>
    <row r="244" spans="1:14" ht="18.75">
      <c r="A244" s="21" t="s">
        <v>77</v>
      </c>
      <c r="B244" s="21" t="s">
        <v>76</v>
      </c>
      <c r="C244" s="22">
        <v>3</v>
      </c>
      <c r="D244" s="70" t="s">
        <v>102</v>
      </c>
      <c r="E244" s="26" t="s">
        <v>108</v>
      </c>
      <c r="F244" s="26" t="s">
        <v>108</v>
      </c>
      <c r="G244" s="26" t="s">
        <v>108</v>
      </c>
      <c r="H244" s="26" t="s">
        <v>108</v>
      </c>
      <c r="I244" s="26" t="s">
        <v>108</v>
      </c>
      <c r="J244" s="26" t="s">
        <v>108</v>
      </c>
      <c r="K244" s="28" t="s">
        <v>108</v>
      </c>
      <c r="L244" s="28" t="s">
        <v>108</v>
      </c>
      <c r="M244" s="28" t="s">
        <v>108</v>
      </c>
      <c r="N244" s="34" t="s">
        <v>108</v>
      </c>
    </row>
    <row r="245" spans="1:14" ht="18.75">
      <c r="A245" s="14" t="s">
        <v>77</v>
      </c>
      <c r="B245" s="14" t="s">
        <v>79</v>
      </c>
      <c r="C245" s="15">
        <v>1</v>
      </c>
      <c r="D245" s="68" t="s">
        <v>100</v>
      </c>
      <c r="E245" s="16">
        <v>264</v>
      </c>
      <c r="F245" s="16">
        <v>23</v>
      </c>
      <c r="G245" s="16">
        <v>148</v>
      </c>
      <c r="H245" s="16">
        <v>93</v>
      </c>
      <c r="I245" s="16">
        <v>43</v>
      </c>
      <c r="J245" s="16">
        <v>0</v>
      </c>
      <c r="K245" s="20">
        <v>8.6999999999999993</v>
      </c>
      <c r="L245" s="20">
        <v>56.1</v>
      </c>
      <c r="M245" s="20">
        <v>35.200000000000003</v>
      </c>
      <c r="N245" s="20">
        <v>16.3</v>
      </c>
    </row>
    <row r="246" spans="1:14" ht="18.75">
      <c r="A246" s="17" t="s">
        <v>77</v>
      </c>
      <c r="B246" s="17" t="s">
        <v>79</v>
      </c>
      <c r="C246" s="18">
        <v>2</v>
      </c>
      <c r="D246" s="69" t="s">
        <v>101</v>
      </c>
      <c r="E246" s="19">
        <v>135</v>
      </c>
      <c r="F246" s="19">
        <v>15</v>
      </c>
      <c r="G246" s="19">
        <v>79</v>
      </c>
      <c r="H246" s="19">
        <v>41</v>
      </c>
      <c r="I246" s="19">
        <v>16</v>
      </c>
      <c r="J246" s="19">
        <v>0</v>
      </c>
      <c r="K246" s="20">
        <v>11.1</v>
      </c>
      <c r="L246" s="29">
        <v>58.5</v>
      </c>
      <c r="M246" s="29">
        <v>30.4</v>
      </c>
      <c r="N246" s="30">
        <v>11.9</v>
      </c>
    </row>
    <row r="247" spans="1:14" ht="18.75">
      <c r="A247" s="21" t="s">
        <v>77</v>
      </c>
      <c r="B247" s="21" t="s">
        <v>79</v>
      </c>
      <c r="C247" s="22">
        <v>3</v>
      </c>
      <c r="D247" s="70" t="s">
        <v>102</v>
      </c>
      <c r="E247" s="23">
        <v>129</v>
      </c>
      <c r="F247" s="23">
        <v>8</v>
      </c>
      <c r="G247" s="23">
        <v>69</v>
      </c>
      <c r="H247" s="23">
        <v>52</v>
      </c>
      <c r="I247" s="23">
        <v>27</v>
      </c>
      <c r="J247" s="23">
        <v>0</v>
      </c>
      <c r="K247" s="31">
        <v>6.2</v>
      </c>
      <c r="L247" s="31">
        <v>53.5</v>
      </c>
      <c r="M247" s="31">
        <v>40.299999999999997</v>
      </c>
      <c r="N247" s="32">
        <v>20.9</v>
      </c>
    </row>
    <row r="248" spans="1:14" ht="18.75">
      <c r="A248" s="14" t="s">
        <v>82</v>
      </c>
      <c r="B248" s="14" t="s">
        <v>81</v>
      </c>
      <c r="C248" s="15">
        <v>1</v>
      </c>
      <c r="D248" s="68" t="s">
        <v>100</v>
      </c>
      <c r="E248" s="16">
        <v>914</v>
      </c>
      <c r="F248" s="16">
        <v>82</v>
      </c>
      <c r="G248" s="16">
        <v>457</v>
      </c>
      <c r="H248" s="16">
        <v>375</v>
      </c>
      <c r="I248" s="16">
        <v>182</v>
      </c>
      <c r="J248" s="16">
        <v>0</v>
      </c>
      <c r="K248" s="20">
        <v>9</v>
      </c>
      <c r="L248" s="20">
        <v>50</v>
      </c>
      <c r="M248" s="20">
        <v>41</v>
      </c>
      <c r="N248" s="20">
        <v>19.899999999999999</v>
      </c>
    </row>
    <row r="249" spans="1:14" ht="18.75">
      <c r="A249" s="17" t="s">
        <v>82</v>
      </c>
      <c r="B249" s="17" t="s">
        <v>81</v>
      </c>
      <c r="C249" s="18">
        <v>2</v>
      </c>
      <c r="D249" s="69" t="s">
        <v>101</v>
      </c>
      <c r="E249" s="19">
        <v>457</v>
      </c>
      <c r="F249" s="19">
        <v>48</v>
      </c>
      <c r="G249" s="19">
        <v>249</v>
      </c>
      <c r="H249" s="19">
        <v>160</v>
      </c>
      <c r="I249" s="19">
        <v>73</v>
      </c>
      <c r="J249" s="19">
        <v>0</v>
      </c>
      <c r="K249" s="20">
        <v>10.5</v>
      </c>
      <c r="L249" s="29">
        <v>54.5</v>
      </c>
      <c r="M249" s="29">
        <v>35</v>
      </c>
      <c r="N249" s="30">
        <v>16</v>
      </c>
    </row>
    <row r="250" spans="1:14" ht="18.75">
      <c r="A250" s="21" t="s">
        <v>82</v>
      </c>
      <c r="B250" s="21" t="s">
        <v>81</v>
      </c>
      <c r="C250" s="22">
        <v>3</v>
      </c>
      <c r="D250" s="70" t="s">
        <v>102</v>
      </c>
      <c r="E250" s="23">
        <v>457</v>
      </c>
      <c r="F250" s="23">
        <v>34</v>
      </c>
      <c r="G250" s="23">
        <v>208</v>
      </c>
      <c r="H250" s="23">
        <v>215</v>
      </c>
      <c r="I250" s="23">
        <v>109</v>
      </c>
      <c r="J250" s="23">
        <v>0</v>
      </c>
      <c r="K250" s="31">
        <v>7.4</v>
      </c>
      <c r="L250" s="31">
        <v>45.5</v>
      </c>
      <c r="M250" s="31">
        <v>47</v>
      </c>
      <c r="N250" s="32">
        <v>23.9</v>
      </c>
    </row>
    <row r="251" spans="1:14" ht="18.75">
      <c r="A251" s="14" t="s">
        <v>82</v>
      </c>
      <c r="B251" s="14" t="s">
        <v>83</v>
      </c>
      <c r="C251" s="15">
        <v>1</v>
      </c>
      <c r="D251" s="68" t="s">
        <v>100</v>
      </c>
      <c r="E251" s="16">
        <v>264</v>
      </c>
      <c r="F251" s="16">
        <v>14</v>
      </c>
      <c r="G251" s="16">
        <v>117</v>
      </c>
      <c r="H251" s="16">
        <v>133</v>
      </c>
      <c r="I251" s="16">
        <v>75</v>
      </c>
      <c r="J251" s="16">
        <v>0</v>
      </c>
      <c r="K251" s="20">
        <v>5.3</v>
      </c>
      <c r="L251" s="20">
        <v>44.3</v>
      </c>
      <c r="M251" s="20">
        <v>50.4</v>
      </c>
      <c r="N251" s="20">
        <v>28.4</v>
      </c>
    </row>
    <row r="252" spans="1:14" ht="18.75">
      <c r="A252" s="17" t="s">
        <v>82</v>
      </c>
      <c r="B252" s="17" t="s">
        <v>83</v>
      </c>
      <c r="C252" s="18">
        <v>2</v>
      </c>
      <c r="D252" s="69" t="s">
        <v>101</v>
      </c>
      <c r="E252" s="19">
        <v>125</v>
      </c>
      <c r="F252" s="19">
        <v>6</v>
      </c>
      <c r="G252" s="19">
        <v>56</v>
      </c>
      <c r="H252" s="19">
        <v>63</v>
      </c>
      <c r="I252" s="19">
        <v>32</v>
      </c>
      <c r="J252" s="19">
        <v>0</v>
      </c>
      <c r="K252" s="20">
        <v>4.8</v>
      </c>
      <c r="L252" s="29">
        <v>44.8</v>
      </c>
      <c r="M252" s="29">
        <v>50.4</v>
      </c>
      <c r="N252" s="30">
        <v>25.6</v>
      </c>
    </row>
    <row r="253" spans="1:14" ht="18.75">
      <c r="A253" s="21" t="s">
        <v>82</v>
      </c>
      <c r="B253" s="21" t="s">
        <v>83</v>
      </c>
      <c r="C253" s="22">
        <v>3</v>
      </c>
      <c r="D253" s="70" t="s">
        <v>102</v>
      </c>
      <c r="E253" s="23">
        <v>139</v>
      </c>
      <c r="F253" s="23">
        <v>8</v>
      </c>
      <c r="G253" s="23">
        <v>61</v>
      </c>
      <c r="H253" s="23">
        <v>70</v>
      </c>
      <c r="I253" s="23">
        <v>43</v>
      </c>
      <c r="J253" s="23">
        <v>0</v>
      </c>
      <c r="K253" s="31">
        <v>5.8</v>
      </c>
      <c r="L253" s="31">
        <v>43.9</v>
      </c>
      <c r="M253" s="31">
        <v>50.4</v>
      </c>
      <c r="N253" s="32">
        <v>30.9</v>
      </c>
    </row>
    <row r="254" spans="1:14" ht="18.75">
      <c r="A254" s="65" t="s">
        <v>114</v>
      </c>
      <c r="B254" s="66"/>
      <c r="C254" s="67"/>
      <c r="D254" s="71"/>
      <c r="E254" s="66"/>
      <c r="F254" s="66"/>
      <c r="G254" s="67"/>
      <c r="H254" s="64"/>
    </row>
    <row r="255" spans="1:14" ht="18.75">
      <c r="A255" s="65" t="s">
        <v>115</v>
      </c>
      <c r="B255" s="66"/>
      <c r="C255" s="67"/>
      <c r="D255" s="71"/>
      <c r="E255" s="66"/>
      <c r="F255" s="66"/>
      <c r="G255" s="67"/>
      <c r="H255" s="64"/>
    </row>
  </sheetData>
  <mergeCells count="16">
    <mergeCell ref="M5:M6"/>
    <mergeCell ref="A1:G2"/>
    <mergeCell ref="H2:M2"/>
    <mergeCell ref="H3:N3"/>
    <mergeCell ref="A4:A7"/>
    <mergeCell ref="B4:B7"/>
    <mergeCell ref="C4:D7"/>
    <mergeCell ref="E4:J4"/>
    <mergeCell ref="K4:N4"/>
    <mergeCell ref="E5:E6"/>
    <mergeCell ref="F5:F6"/>
    <mergeCell ref="G5:G6"/>
    <mergeCell ref="H5:H6"/>
    <mergeCell ref="J5:J6"/>
    <mergeCell ref="K5:K6"/>
    <mergeCell ref="L5:L6"/>
  </mergeCells>
  <phoneticPr fontId="1"/>
  <conditionalFormatting sqref="A8:J163 A167:J235 A164:A166 C164:J166 A239:J253 A236:N238">
    <cfRule type="expression" dxfId="1" priority="2" stopIfTrue="1">
      <formula>$D8="女"</formula>
    </cfRule>
  </conditionalFormatting>
  <conditionalFormatting sqref="B164:B166">
    <cfRule type="expression" dxfId="0" priority="1" stopIfTrue="1">
      <formula>$F164="女"</formula>
    </cfRule>
  </conditionalFormatting>
  <pageMargins left="0.74803149606299213" right="0.74803149606299213" top="0.98425196850393704" bottom="0.98425196850393704" header="0.51181102362204722" footer="0.51181102362204722"/>
  <pageSetup paperSize="9" scale="69" fitToHeight="0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5121" r:id="rId4" name="Drop Down 1">
              <controlPr defaultSize="0" autoLine="0" autoPict="0">
                <anchor moveWithCells="1">
                  <from>
                    <xdr:col>0</xdr:col>
                    <xdr:colOff>0</xdr:colOff>
                    <xdr:row>0</xdr:row>
                    <xdr:rowOff>0</xdr:rowOff>
                  </from>
                  <to>
                    <xdr:col>0</xdr:col>
                    <xdr:colOff>0</xdr:colOff>
                    <xdr:row>0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3"/>
  <sheetViews>
    <sheetView zoomScaleNormal="100" workbookViewId="0">
      <pane xSplit="3" ySplit="7" topLeftCell="D8" activePane="bottomRight" state="frozen"/>
      <selection pane="topRight" activeCell="D1" sqref="D1"/>
      <selection pane="bottomLeft" activeCell="A8" sqref="A8"/>
      <selection pane="bottomRight" activeCell="E11" sqref="E11"/>
    </sheetView>
  </sheetViews>
  <sheetFormatPr defaultRowHeight="13.5"/>
  <cols>
    <col min="1" max="1" width="8.625" style="1" customWidth="1"/>
    <col min="2" max="2" width="3.625" style="84" customWidth="1"/>
    <col min="3" max="3" width="5.625" style="94" customWidth="1"/>
    <col min="4" max="9" width="10.625" style="1" customWidth="1"/>
    <col min="10" max="13" width="10.625" style="7" customWidth="1"/>
    <col min="14" max="16" width="9" style="8"/>
    <col min="17" max="16384" width="9" style="1"/>
  </cols>
  <sheetData>
    <row r="1" spans="1:14" ht="13.5" customHeight="1">
      <c r="A1" s="97" t="s">
        <v>117</v>
      </c>
      <c r="B1" s="97"/>
      <c r="C1" s="97"/>
      <c r="D1" s="97"/>
      <c r="E1" s="97"/>
      <c r="F1" s="97"/>
      <c r="G1" s="97"/>
    </row>
    <row r="2" spans="1:14" ht="13.5" customHeight="1">
      <c r="A2" s="97"/>
      <c r="B2" s="97"/>
      <c r="C2" s="97"/>
      <c r="D2" s="97"/>
      <c r="E2" s="97"/>
      <c r="F2" s="97"/>
      <c r="G2" s="97"/>
      <c r="H2" s="116"/>
      <c r="I2" s="116"/>
      <c r="J2" s="116"/>
      <c r="K2" s="116"/>
      <c r="L2" s="116"/>
      <c r="M2" s="116"/>
    </row>
    <row r="3" spans="1:14" ht="16.5">
      <c r="A3" s="2"/>
      <c r="B3" s="74"/>
      <c r="C3" s="72"/>
      <c r="D3" s="2"/>
      <c r="H3" s="35"/>
      <c r="I3" s="35"/>
      <c r="J3" s="35"/>
      <c r="K3" s="35"/>
      <c r="L3" s="35"/>
      <c r="M3" s="37" t="s">
        <v>112</v>
      </c>
      <c r="N3" s="36"/>
    </row>
    <row r="4" spans="1:14" ht="20.25" customHeight="1">
      <c r="A4" s="109" t="s">
        <v>84</v>
      </c>
      <c r="B4" s="109" t="s">
        <v>86</v>
      </c>
      <c r="C4" s="117"/>
      <c r="D4" s="109" t="s">
        <v>91</v>
      </c>
      <c r="E4" s="109"/>
      <c r="F4" s="109"/>
      <c r="G4" s="109"/>
      <c r="H4" s="109"/>
      <c r="I4" s="109"/>
      <c r="J4" s="110" t="s">
        <v>92</v>
      </c>
      <c r="K4" s="110"/>
      <c r="L4" s="110"/>
      <c r="M4" s="111"/>
    </row>
    <row r="5" spans="1:14" ht="24.95" customHeight="1">
      <c r="A5" s="117"/>
      <c r="B5" s="117"/>
      <c r="C5" s="117"/>
      <c r="D5" s="118" t="s">
        <v>118</v>
      </c>
      <c r="E5" s="118" t="s">
        <v>93</v>
      </c>
      <c r="F5" s="118" t="s">
        <v>113</v>
      </c>
      <c r="G5" s="119" t="s">
        <v>94</v>
      </c>
      <c r="H5" s="38"/>
      <c r="I5" s="118" t="s">
        <v>95</v>
      </c>
      <c r="J5" s="118" t="s">
        <v>93</v>
      </c>
      <c r="K5" s="118" t="s">
        <v>113</v>
      </c>
      <c r="L5" s="121" t="s">
        <v>96</v>
      </c>
      <c r="M5" s="39"/>
    </row>
    <row r="6" spans="1:14" ht="29.25" customHeight="1">
      <c r="A6" s="117"/>
      <c r="B6" s="117"/>
      <c r="C6" s="117"/>
      <c r="D6" s="113"/>
      <c r="E6" s="113"/>
      <c r="F6" s="113"/>
      <c r="G6" s="113"/>
      <c r="H6" s="40" t="s">
        <v>106</v>
      </c>
      <c r="I6" s="120"/>
      <c r="J6" s="113"/>
      <c r="K6" s="113"/>
      <c r="L6" s="96"/>
      <c r="M6" s="41" t="s">
        <v>106</v>
      </c>
    </row>
    <row r="7" spans="1:14" ht="13.5" customHeight="1">
      <c r="A7" s="117"/>
      <c r="B7" s="117"/>
      <c r="C7" s="117"/>
      <c r="D7" s="42" t="s">
        <v>85</v>
      </c>
      <c r="E7" s="42" t="s">
        <v>85</v>
      </c>
      <c r="F7" s="42" t="s">
        <v>85</v>
      </c>
      <c r="G7" s="42" t="s">
        <v>85</v>
      </c>
      <c r="H7" s="42" t="s">
        <v>85</v>
      </c>
      <c r="I7" s="42" t="s">
        <v>85</v>
      </c>
      <c r="J7" s="43" t="s">
        <v>97</v>
      </c>
      <c r="K7" s="43" t="s">
        <v>97</v>
      </c>
      <c r="L7" s="43" t="s">
        <v>97</v>
      </c>
      <c r="M7" s="43" t="s">
        <v>97</v>
      </c>
    </row>
    <row r="8" spans="1:14" ht="18.75">
      <c r="A8" s="14" t="s">
        <v>0</v>
      </c>
      <c r="B8" s="75">
        <v>1</v>
      </c>
      <c r="C8" s="85" t="s">
        <v>100</v>
      </c>
      <c r="D8" s="16">
        <v>321666</v>
      </c>
      <c r="E8" s="16">
        <v>36875</v>
      </c>
      <c r="F8" s="16">
        <v>183127</v>
      </c>
      <c r="G8" s="16">
        <v>94941</v>
      </c>
      <c r="H8" s="16">
        <v>49973</v>
      </c>
      <c r="I8" s="16">
        <v>6723</v>
      </c>
      <c r="J8" s="20">
        <v>11.7</v>
      </c>
      <c r="K8" s="20">
        <v>58.1</v>
      </c>
      <c r="L8" s="20">
        <v>30.1</v>
      </c>
      <c r="M8" s="20">
        <v>15.9</v>
      </c>
    </row>
    <row r="9" spans="1:14" ht="18.75">
      <c r="A9" s="17" t="s">
        <v>0</v>
      </c>
      <c r="B9" s="76">
        <v>2</v>
      </c>
      <c r="C9" s="86" t="s">
        <v>101</v>
      </c>
      <c r="D9" s="19">
        <v>157218</v>
      </c>
      <c r="E9" s="19">
        <v>18843</v>
      </c>
      <c r="F9" s="19">
        <v>94071</v>
      </c>
      <c r="G9" s="19">
        <v>40224</v>
      </c>
      <c r="H9" s="19">
        <v>19148</v>
      </c>
      <c r="I9" s="19">
        <v>4080</v>
      </c>
      <c r="J9" s="20">
        <v>12.3</v>
      </c>
      <c r="K9" s="29">
        <v>61.4</v>
      </c>
      <c r="L9" s="29">
        <v>26.3</v>
      </c>
      <c r="M9" s="30">
        <v>12.5</v>
      </c>
    </row>
    <row r="10" spans="1:14" ht="18.75">
      <c r="A10" s="21" t="s">
        <v>0</v>
      </c>
      <c r="B10" s="77">
        <v>3</v>
      </c>
      <c r="C10" s="87" t="s">
        <v>102</v>
      </c>
      <c r="D10" s="23">
        <v>164448</v>
      </c>
      <c r="E10" s="23">
        <v>18032</v>
      </c>
      <c r="F10" s="23">
        <v>89056</v>
      </c>
      <c r="G10" s="23">
        <v>54717</v>
      </c>
      <c r="H10" s="23">
        <v>30825</v>
      </c>
      <c r="I10" s="23">
        <v>2643</v>
      </c>
      <c r="J10" s="31">
        <v>11.1</v>
      </c>
      <c r="K10" s="31">
        <v>55</v>
      </c>
      <c r="L10" s="31">
        <v>33.799999999999997</v>
      </c>
      <c r="M10" s="32">
        <v>19.100000000000001</v>
      </c>
    </row>
    <row r="11" spans="1:14" ht="18.75">
      <c r="A11" s="14" t="s">
        <v>48</v>
      </c>
      <c r="B11" s="75">
        <v>1</v>
      </c>
      <c r="C11" s="85" t="s">
        <v>100</v>
      </c>
      <c r="D11" s="16">
        <v>21000</v>
      </c>
      <c r="E11" s="16">
        <v>2329</v>
      </c>
      <c r="F11" s="16">
        <v>11950</v>
      </c>
      <c r="G11" s="16">
        <v>6603</v>
      </c>
      <c r="H11" s="16">
        <v>3487</v>
      </c>
      <c r="I11" s="16">
        <v>118</v>
      </c>
      <c r="J11" s="20">
        <v>11.2</v>
      </c>
      <c r="K11" s="20">
        <v>57.2</v>
      </c>
      <c r="L11" s="20">
        <v>31.6</v>
      </c>
      <c r="M11" s="20">
        <v>16.7</v>
      </c>
    </row>
    <row r="12" spans="1:14" ht="18.75">
      <c r="A12" s="17" t="s">
        <v>48</v>
      </c>
      <c r="B12" s="76">
        <v>2</v>
      </c>
      <c r="C12" s="86" t="s">
        <v>101</v>
      </c>
      <c r="D12" s="19">
        <v>10279</v>
      </c>
      <c r="E12" s="19">
        <v>1204</v>
      </c>
      <c r="F12" s="19">
        <v>6221</v>
      </c>
      <c r="G12" s="19">
        <v>2800</v>
      </c>
      <c r="H12" s="19">
        <v>1290</v>
      </c>
      <c r="I12" s="19">
        <v>54</v>
      </c>
      <c r="J12" s="20">
        <v>11.8</v>
      </c>
      <c r="K12" s="29">
        <v>60.8</v>
      </c>
      <c r="L12" s="29">
        <v>27.4</v>
      </c>
      <c r="M12" s="30">
        <v>12.6</v>
      </c>
    </row>
    <row r="13" spans="1:14" ht="18.75">
      <c r="A13" s="21" t="s">
        <v>48</v>
      </c>
      <c r="B13" s="77">
        <v>3</v>
      </c>
      <c r="C13" s="87" t="s">
        <v>102</v>
      </c>
      <c r="D13" s="23">
        <v>10721</v>
      </c>
      <c r="E13" s="23">
        <v>1125</v>
      </c>
      <c r="F13" s="23">
        <v>5729</v>
      </c>
      <c r="G13" s="23">
        <v>3803</v>
      </c>
      <c r="H13" s="23">
        <v>2197</v>
      </c>
      <c r="I13" s="23">
        <v>64</v>
      </c>
      <c r="J13" s="31">
        <v>10.6</v>
      </c>
      <c r="K13" s="31">
        <v>53.8</v>
      </c>
      <c r="L13" s="31">
        <v>35.700000000000003</v>
      </c>
      <c r="M13" s="32">
        <v>20.6</v>
      </c>
    </row>
    <row r="14" spans="1:14" ht="18.75">
      <c r="A14" s="14" t="s">
        <v>53</v>
      </c>
      <c r="B14" s="75">
        <v>1</v>
      </c>
      <c r="C14" s="85" t="s">
        <v>100</v>
      </c>
      <c r="D14" s="16">
        <v>9321</v>
      </c>
      <c r="E14" s="16">
        <v>921</v>
      </c>
      <c r="F14" s="16">
        <v>5199</v>
      </c>
      <c r="G14" s="16">
        <v>3180</v>
      </c>
      <c r="H14" s="16">
        <v>1618</v>
      </c>
      <c r="I14" s="16">
        <v>21</v>
      </c>
      <c r="J14" s="20">
        <v>9.9</v>
      </c>
      <c r="K14" s="20">
        <v>55.9</v>
      </c>
      <c r="L14" s="20">
        <v>34.200000000000003</v>
      </c>
      <c r="M14" s="20">
        <v>17.399999999999999</v>
      </c>
    </row>
    <row r="15" spans="1:14" ht="18.75">
      <c r="A15" s="17" t="s">
        <v>53</v>
      </c>
      <c r="B15" s="76">
        <v>2</v>
      </c>
      <c r="C15" s="86" t="s">
        <v>101</v>
      </c>
      <c r="D15" s="19">
        <v>4532</v>
      </c>
      <c r="E15" s="19">
        <v>488</v>
      </c>
      <c r="F15" s="19">
        <v>2676</v>
      </c>
      <c r="G15" s="19">
        <v>1354</v>
      </c>
      <c r="H15" s="19">
        <v>599</v>
      </c>
      <c r="I15" s="19">
        <v>14</v>
      </c>
      <c r="J15" s="20">
        <v>10.8</v>
      </c>
      <c r="K15" s="29">
        <v>59.2</v>
      </c>
      <c r="L15" s="29">
        <v>30</v>
      </c>
      <c r="M15" s="30">
        <v>13.3</v>
      </c>
    </row>
    <row r="16" spans="1:14" ht="18.75">
      <c r="A16" s="21" t="s">
        <v>53</v>
      </c>
      <c r="B16" s="77">
        <v>3</v>
      </c>
      <c r="C16" s="87" t="s">
        <v>102</v>
      </c>
      <c r="D16" s="23">
        <v>4789</v>
      </c>
      <c r="E16" s="23">
        <v>433</v>
      </c>
      <c r="F16" s="23">
        <v>2523</v>
      </c>
      <c r="G16" s="23">
        <v>1826</v>
      </c>
      <c r="H16" s="23">
        <v>1019</v>
      </c>
      <c r="I16" s="23">
        <v>7</v>
      </c>
      <c r="J16" s="31">
        <v>9.1</v>
      </c>
      <c r="K16" s="31">
        <v>52.8</v>
      </c>
      <c r="L16" s="31">
        <v>38.200000000000003</v>
      </c>
      <c r="M16" s="32">
        <v>21.3</v>
      </c>
    </row>
    <row r="17" spans="1:13" ht="18.75">
      <c r="A17" s="14" t="s">
        <v>58</v>
      </c>
      <c r="B17" s="75">
        <v>1</v>
      </c>
      <c r="C17" s="85" t="s">
        <v>100</v>
      </c>
      <c r="D17" s="16">
        <v>18673</v>
      </c>
      <c r="E17" s="16">
        <v>1919</v>
      </c>
      <c r="F17" s="16">
        <v>9985</v>
      </c>
      <c r="G17" s="16">
        <v>6681</v>
      </c>
      <c r="H17" s="16">
        <v>3352</v>
      </c>
      <c r="I17" s="16">
        <v>88</v>
      </c>
      <c r="J17" s="20">
        <v>10.3</v>
      </c>
      <c r="K17" s="20">
        <v>53.7</v>
      </c>
      <c r="L17" s="20">
        <v>35.9</v>
      </c>
      <c r="M17" s="20">
        <v>18</v>
      </c>
    </row>
    <row r="18" spans="1:13" ht="18.75">
      <c r="A18" s="17" t="s">
        <v>58</v>
      </c>
      <c r="B18" s="76">
        <v>2</v>
      </c>
      <c r="C18" s="86" t="s">
        <v>101</v>
      </c>
      <c r="D18" s="19">
        <v>9111</v>
      </c>
      <c r="E18" s="19">
        <v>950</v>
      </c>
      <c r="F18" s="19">
        <v>5122</v>
      </c>
      <c r="G18" s="19">
        <v>2980</v>
      </c>
      <c r="H18" s="19">
        <v>1311</v>
      </c>
      <c r="I18" s="19">
        <v>59</v>
      </c>
      <c r="J18" s="20">
        <v>10.5</v>
      </c>
      <c r="K18" s="29">
        <v>56.6</v>
      </c>
      <c r="L18" s="29">
        <v>32.9</v>
      </c>
      <c r="M18" s="30">
        <v>14.5</v>
      </c>
    </row>
    <row r="19" spans="1:13" ht="18.75">
      <c r="A19" s="21" t="s">
        <v>58</v>
      </c>
      <c r="B19" s="77">
        <v>3</v>
      </c>
      <c r="C19" s="87" t="s">
        <v>102</v>
      </c>
      <c r="D19" s="23">
        <v>9562</v>
      </c>
      <c r="E19" s="23">
        <v>969</v>
      </c>
      <c r="F19" s="23">
        <v>4863</v>
      </c>
      <c r="G19" s="23">
        <v>3701</v>
      </c>
      <c r="H19" s="23">
        <v>2041</v>
      </c>
      <c r="I19" s="23">
        <v>29</v>
      </c>
      <c r="J19" s="31">
        <v>10.199999999999999</v>
      </c>
      <c r="K19" s="31">
        <v>51</v>
      </c>
      <c r="L19" s="31">
        <v>38.799999999999997</v>
      </c>
      <c r="M19" s="32">
        <v>21.4</v>
      </c>
    </row>
    <row r="20" spans="1:13" ht="18.75">
      <c r="A20" s="14" t="s">
        <v>68</v>
      </c>
      <c r="B20" s="75">
        <v>1</v>
      </c>
      <c r="C20" s="85" t="s">
        <v>100</v>
      </c>
      <c r="D20" s="16">
        <v>40803</v>
      </c>
      <c r="E20" s="16">
        <v>5861</v>
      </c>
      <c r="F20" s="16">
        <v>24307</v>
      </c>
      <c r="G20" s="16">
        <v>10365</v>
      </c>
      <c r="H20" s="16">
        <v>5088</v>
      </c>
      <c r="I20" s="16">
        <v>270</v>
      </c>
      <c r="J20" s="20">
        <v>14.5</v>
      </c>
      <c r="K20" s="20">
        <v>60</v>
      </c>
      <c r="L20" s="20">
        <v>25.6</v>
      </c>
      <c r="M20" s="20">
        <v>12.6</v>
      </c>
    </row>
    <row r="21" spans="1:13" ht="18.75">
      <c r="A21" s="17" t="s">
        <v>68</v>
      </c>
      <c r="B21" s="76">
        <v>2</v>
      </c>
      <c r="C21" s="86" t="s">
        <v>101</v>
      </c>
      <c r="D21" s="19">
        <v>19924</v>
      </c>
      <c r="E21" s="19">
        <v>3034</v>
      </c>
      <c r="F21" s="19">
        <v>12215</v>
      </c>
      <c r="G21" s="19">
        <v>4508</v>
      </c>
      <c r="H21" s="19">
        <v>1958</v>
      </c>
      <c r="I21" s="19">
        <v>167</v>
      </c>
      <c r="J21" s="20">
        <v>15.4</v>
      </c>
      <c r="K21" s="29">
        <v>61.8</v>
      </c>
      <c r="L21" s="29">
        <v>22.8</v>
      </c>
      <c r="M21" s="30">
        <v>9.9</v>
      </c>
    </row>
    <row r="22" spans="1:13" ht="18.75">
      <c r="A22" s="21" t="s">
        <v>68</v>
      </c>
      <c r="B22" s="77">
        <v>3</v>
      </c>
      <c r="C22" s="87" t="s">
        <v>102</v>
      </c>
      <c r="D22" s="23">
        <v>20879</v>
      </c>
      <c r="E22" s="23">
        <v>2827</v>
      </c>
      <c r="F22" s="23">
        <v>12092</v>
      </c>
      <c r="G22" s="23">
        <v>5857</v>
      </c>
      <c r="H22" s="23">
        <v>3130</v>
      </c>
      <c r="I22" s="23">
        <v>103</v>
      </c>
      <c r="J22" s="31">
        <v>13.6</v>
      </c>
      <c r="K22" s="31">
        <v>58.2</v>
      </c>
      <c r="L22" s="31">
        <v>28.2</v>
      </c>
      <c r="M22" s="32">
        <v>15.1</v>
      </c>
    </row>
    <row r="23" spans="1:13" ht="18.75">
      <c r="A23" s="14" t="s">
        <v>77</v>
      </c>
      <c r="B23" s="75">
        <v>1</v>
      </c>
      <c r="C23" s="85" t="s">
        <v>100</v>
      </c>
      <c r="D23" s="16">
        <v>1297</v>
      </c>
      <c r="E23" s="16">
        <v>133</v>
      </c>
      <c r="F23" s="16">
        <v>675</v>
      </c>
      <c r="G23" s="16">
        <v>489</v>
      </c>
      <c r="H23" s="16">
        <v>220</v>
      </c>
      <c r="I23" s="16">
        <v>0</v>
      </c>
      <c r="J23" s="20">
        <v>10.3</v>
      </c>
      <c r="K23" s="20">
        <v>52</v>
      </c>
      <c r="L23" s="20">
        <v>37.700000000000003</v>
      </c>
      <c r="M23" s="20">
        <v>17</v>
      </c>
    </row>
    <row r="24" spans="1:13" ht="18.75">
      <c r="A24" s="17" t="s">
        <v>77</v>
      </c>
      <c r="B24" s="76">
        <v>2</v>
      </c>
      <c r="C24" s="86" t="s">
        <v>101</v>
      </c>
      <c r="D24" s="19">
        <v>635</v>
      </c>
      <c r="E24" s="19">
        <v>78</v>
      </c>
      <c r="F24" s="19">
        <v>332</v>
      </c>
      <c r="G24" s="19">
        <v>225</v>
      </c>
      <c r="H24" s="19">
        <v>86</v>
      </c>
      <c r="I24" s="19">
        <v>0</v>
      </c>
      <c r="J24" s="20">
        <v>12.3</v>
      </c>
      <c r="K24" s="29">
        <v>52.3</v>
      </c>
      <c r="L24" s="29">
        <v>35.4</v>
      </c>
      <c r="M24" s="30">
        <v>13.5</v>
      </c>
    </row>
    <row r="25" spans="1:13" ht="18.75">
      <c r="A25" s="21" t="s">
        <v>77</v>
      </c>
      <c r="B25" s="77">
        <v>3</v>
      </c>
      <c r="C25" s="87" t="s">
        <v>102</v>
      </c>
      <c r="D25" s="23">
        <v>662</v>
      </c>
      <c r="E25" s="23">
        <v>55</v>
      </c>
      <c r="F25" s="23">
        <v>343</v>
      </c>
      <c r="G25" s="23">
        <v>264</v>
      </c>
      <c r="H25" s="23">
        <v>134</v>
      </c>
      <c r="I25" s="23">
        <v>0</v>
      </c>
      <c r="J25" s="31">
        <v>8.3000000000000007</v>
      </c>
      <c r="K25" s="31">
        <v>51.8</v>
      </c>
      <c r="L25" s="31">
        <v>39.9</v>
      </c>
      <c r="M25" s="32">
        <v>20.2</v>
      </c>
    </row>
    <row r="26" spans="1:13" ht="18.75">
      <c r="A26" s="58" t="s">
        <v>82</v>
      </c>
      <c r="B26" s="78">
        <v>1</v>
      </c>
      <c r="C26" s="88" t="s">
        <v>100</v>
      </c>
      <c r="D26" s="59">
        <v>1178</v>
      </c>
      <c r="E26" s="59">
        <v>96</v>
      </c>
      <c r="F26" s="59">
        <v>574</v>
      </c>
      <c r="G26" s="59">
        <v>508</v>
      </c>
      <c r="H26" s="59">
        <v>257</v>
      </c>
      <c r="I26" s="59">
        <v>0</v>
      </c>
      <c r="J26" s="60">
        <v>8.1</v>
      </c>
      <c r="K26" s="60">
        <v>48.7</v>
      </c>
      <c r="L26" s="60">
        <v>43.1</v>
      </c>
      <c r="M26" s="60">
        <v>21.8</v>
      </c>
    </row>
    <row r="27" spans="1:13" ht="18.75">
      <c r="A27" s="61" t="s">
        <v>82</v>
      </c>
      <c r="B27" s="79">
        <v>2</v>
      </c>
      <c r="C27" s="89" t="s">
        <v>101</v>
      </c>
      <c r="D27" s="48">
        <v>582</v>
      </c>
      <c r="E27" s="48">
        <v>54</v>
      </c>
      <c r="F27" s="48">
        <v>305</v>
      </c>
      <c r="G27" s="48">
        <v>223</v>
      </c>
      <c r="H27" s="48">
        <v>105</v>
      </c>
      <c r="I27" s="48">
        <v>0</v>
      </c>
      <c r="J27" s="49">
        <v>9.3000000000000007</v>
      </c>
      <c r="K27" s="50">
        <v>52.4</v>
      </c>
      <c r="L27" s="50">
        <v>38.299999999999997</v>
      </c>
      <c r="M27" s="51">
        <v>18</v>
      </c>
    </row>
    <row r="28" spans="1:13" ht="21" customHeight="1" thickBot="1">
      <c r="A28" s="62" t="s">
        <v>82</v>
      </c>
      <c r="B28" s="80">
        <v>3</v>
      </c>
      <c r="C28" s="90" t="s">
        <v>102</v>
      </c>
      <c r="D28" s="56">
        <v>596</v>
      </c>
      <c r="E28" s="56">
        <v>42</v>
      </c>
      <c r="F28" s="56">
        <v>269</v>
      </c>
      <c r="G28" s="56">
        <v>285</v>
      </c>
      <c r="H28" s="56">
        <v>152</v>
      </c>
      <c r="I28" s="56">
        <v>0</v>
      </c>
      <c r="J28" s="57">
        <v>7</v>
      </c>
      <c r="K28" s="57">
        <v>45.1</v>
      </c>
      <c r="L28" s="57">
        <v>47.8</v>
      </c>
      <c r="M28" s="63">
        <v>25.5</v>
      </c>
    </row>
    <row r="29" spans="1:13" ht="19.5" customHeight="1" thickTop="1">
      <c r="A29" s="44" t="s">
        <v>107</v>
      </c>
      <c r="B29" s="81">
        <v>1</v>
      </c>
      <c r="C29" s="91" t="s">
        <v>100</v>
      </c>
      <c r="D29" s="45">
        <v>413938</v>
      </c>
      <c r="E29" s="45">
        <v>48134</v>
      </c>
      <c r="F29" s="45">
        <v>235817</v>
      </c>
      <c r="G29" s="45">
        <v>122767</v>
      </c>
      <c r="H29" s="45">
        <v>63995</v>
      </c>
      <c r="I29" s="45">
        <v>7220</v>
      </c>
      <c r="J29" s="46">
        <v>11.8</v>
      </c>
      <c r="K29" s="46">
        <v>58</v>
      </c>
      <c r="L29" s="46">
        <v>30.2</v>
      </c>
      <c r="M29" s="46">
        <v>15.7</v>
      </c>
    </row>
    <row r="30" spans="1:13" ht="18.75">
      <c r="A30" s="47" t="s">
        <v>107</v>
      </c>
      <c r="B30" s="79">
        <v>2</v>
      </c>
      <c r="C30" s="89" t="s">
        <v>101</v>
      </c>
      <c r="D30" s="48">
        <v>202281</v>
      </c>
      <c r="E30" s="48">
        <v>24651</v>
      </c>
      <c r="F30" s="48">
        <v>120942</v>
      </c>
      <c r="G30" s="48">
        <v>52314</v>
      </c>
      <c r="H30" s="48">
        <v>24497</v>
      </c>
      <c r="I30" s="48">
        <v>4374</v>
      </c>
      <c r="J30" s="49">
        <v>12.5</v>
      </c>
      <c r="K30" s="50">
        <v>61.1</v>
      </c>
      <c r="L30" s="50">
        <v>26.4</v>
      </c>
      <c r="M30" s="51">
        <v>12.4</v>
      </c>
    </row>
    <row r="31" spans="1:13" ht="18.75">
      <c r="A31" s="52" t="s">
        <v>107</v>
      </c>
      <c r="B31" s="82">
        <v>3</v>
      </c>
      <c r="C31" s="92" t="s">
        <v>102</v>
      </c>
      <c r="D31" s="53">
        <v>211657</v>
      </c>
      <c r="E31" s="53">
        <v>23483</v>
      </c>
      <c r="F31" s="53">
        <v>114875</v>
      </c>
      <c r="G31" s="53">
        <v>70453</v>
      </c>
      <c r="H31" s="53">
        <v>39498</v>
      </c>
      <c r="I31" s="53">
        <v>2846</v>
      </c>
      <c r="J31" s="54">
        <v>11.2</v>
      </c>
      <c r="K31" s="54">
        <v>55</v>
      </c>
      <c r="L31" s="54">
        <v>33.700000000000003</v>
      </c>
      <c r="M31" s="55">
        <v>18.899999999999999</v>
      </c>
    </row>
    <row r="32" spans="1:13" ht="18.75">
      <c r="A32" s="65" t="s">
        <v>114</v>
      </c>
      <c r="B32" s="83"/>
      <c r="C32" s="93"/>
      <c r="D32" s="66"/>
      <c r="E32" s="66"/>
      <c r="F32" s="66"/>
      <c r="G32" s="67"/>
      <c r="H32" s="64"/>
    </row>
    <row r="33" spans="1:8" ht="18.75">
      <c r="A33" s="65"/>
      <c r="B33" s="83"/>
      <c r="C33" s="93"/>
      <c r="D33" s="66"/>
      <c r="E33" s="66"/>
      <c r="F33" s="66"/>
      <c r="G33" s="67"/>
      <c r="H33" s="64"/>
    </row>
  </sheetData>
  <mergeCells count="14">
    <mergeCell ref="A1:G2"/>
    <mergeCell ref="H2:M2"/>
    <mergeCell ref="A4:A7"/>
    <mergeCell ref="B4:C7"/>
    <mergeCell ref="D4:I4"/>
    <mergeCell ref="J4:M4"/>
    <mergeCell ref="D5:D6"/>
    <mergeCell ref="E5:E6"/>
    <mergeCell ref="F5:F6"/>
    <mergeCell ref="G5:G6"/>
    <mergeCell ref="I5:I6"/>
    <mergeCell ref="J5:J6"/>
    <mergeCell ref="K5:K6"/>
    <mergeCell ref="L5:L6"/>
  </mergeCells>
  <phoneticPr fontId="1"/>
  <pageMargins left="0.74803149606299213" right="0.74803149606299213" top="0.98425196850393704" bottom="0.98425196850393704" header="0.51181102362204722" footer="0.51181102362204722"/>
  <pageSetup paperSize="9" scale="71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2－1（地区別）</vt:lpstr>
      <vt:lpstr>2－1（地域別）</vt:lpstr>
      <vt:lpstr>'2－1（地域別）'!Print_Area</vt:lpstr>
      <vt:lpstr>'2－1（地区別）'!Print_Area</vt:lpstr>
      <vt:lpstr>'2－1（地域別）'!Print_Titles</vt:lpstr>
      <vt:lpstr>'2－1（地区別）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3-03-01T01:53:28Z</cp:lastPrinted>
  <dcterms:created xsi:type="dcterms:W3CDTF">2017-02-02T05:17:03Z</dcterms:created>
  <dcterms:modified xsi:type="dcterms:W3CDTF">2023-03-06T04:51:38Z</dcterms:modified>
</cp:coreProperties>
</file>